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2"/>
  <workbookPr/>
  <mc:AlternateContent xmlns:mc="http://schemas.openxmlformats.org/markup-compatibility/2006">
    <mc:Choice Requires="x15">
      <x15ac:absPath xmlns:x15ac="http://schemas.microsoft.com/office/spreadsheetml/2010/11/ac" url="C:\Users\s144941\Desktop\"/>
    </mc:Choice>
  </mc:AlternateContent>
  <xr:revisionPtr revIDLastSave="0" documentId="8_{F19E8541-7D3E-4B0A-8307-0A368509E8C0}" xr6:coauthVersionLast="47" xr6:coauthVersionMax="47" xr10:uidLastSave="{00000000-0000-0000-0000-000000000000}"/>
  <bookViews>
    <workbookView xWindow="-120" yWindow="-120" windowWidth="20730" windowHeight="11040" tabRatio="921" activeTab="5" xr2:uid="{00000000-000D-0000-FFFF-FFFF00000000}"/>
  </bookViews>
  <sheets>
    <sheet name="申込票・領収書" sheetId="10" r:id="rId1"/>
    <sheet name="４級受験者・合格者名簿" sheetId="7" r:id="rId2"/>
    <sheet name="３級受験者・合格者名簿" sheetId="21" r:id="rId3"/>
    <sheet name="２級受験者・合格者名簿" sheetId="22" r:id="rId4"/>
    <sheet name="１級受験者・合格名簿" sheetId="23" r:id="rId5"/>
    <sheet name="合格者数" sheetId="25" r:id="rId6"/>
  </sheets>
  <definedNames>
    <definedName name="_xlnm.Print_Area" localSheetId="4">'１級受験者・合格名簿'!$A$1:$AB$97</definedName>
    <definedName name="_xlnm.Print_Area" localSheetId="3">'２級受験者・合格者名簿'!$A$1:$AB$97</definedName>
    <definedName name="_xlnm.Print_Area" localSheetId="2">'３級受験者・合格者名簿'!$A$1:$AB$97</definedName>
    <definedName name="_xlnm.Print_Area" localSheetId="1">'４級受験者・合格者名簿'!$A$1:$AA$96</definedName>
    <definedName name="_xlnm.Print_Area" localSheetId="5">合格者数!$A$1:$O$18</definedName>
    <definedName name="_xlnm.Print_Area" localSheetId="0">申込票・領収書!$A$1:$P$33</definedName>
    <definedName name="_xlnm.Print_Titles" localSheetId="4">'１級受験者・合格名簿'!$16:$16</definedName>
    <definedName name="_xlnm.Print_Titles" localSheetId="3">'２級受験者・合格者名簿'!$16:$16</definedName>
    <definedName name="_xlnm.Print_Titles" localSheetId="2">'３級受験者・合格者名簿'!$16:$16</definedName>
    <definedName name="_xlnm.Print_Titles" localSheetId="1">'４級受験者・合格者名簿'!$16:$1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U96" i="23" l="1"/>
  <c r="U95" i="23"/>
  <c r="U94" i="23"/>
  <c r="U93" i="23"/>
  <c r="U92" i="23"/>
  <c r="U91" i="23"/>
  <c r="U90" i="23"/>
  <c r="U89" i="23"/>
  <c r="U88" i="23"/>
  <c r="U87" i="23"/>
  <c r="U86" i="23"/>
  <c r="U85" i="23"/>
  <c r="U84" i="23"/>
  <c r="U83" i="23"/>
  <c r="U82" i="23"/>
  <c r="U81" i="23"/>
  <c r="U80" i="23"/>
  <c r="U79" i="23"/>
  <c r="U78" i="23"/>
  <c r="U77" i="23"/>
  <c r="U76" i="23"/>
  <c r="U75" i="23"/>
  <c r="U74" i="23"/>
  <c r="U73" i="23"/>
  <c r="U72" i="23"/>
  <c r="U71" i="23"/>
  <c r="U70" i="23"/>
  <c r="U69" i="23"/>
  <c r="U68" i="23"/>
  <c r="U67" i="23"/>
  <c r="U66" i="23"/>
  <c r="U65" i="23"/>
  <c r="U64" i="23"/>
  <c r="U63" i="23"/>
  <c r="U62" i="23"/>
  <c r="U61" i="23"/>
  <c r="U60" i="23"/>
  <c r="U59" i="23"/>
  <c r="U58" i="23"/>
  <c r="U57" i="23"/>
  <c r="U96" i="22"/>
  <c r="U95" i="22"/>
  <c r="U94" i="22"/>
  <c r="U93" i="22"/>
  <c r="U92" i="22"/>
  <c r="U91" i="22"/>
  <c r="U90" i="22"/>
  <c r="U89" i="22"/>
  <c r="U88" i="22"/>
  <c r="U87" i="22"/>
  <c r="U86" i="22"/>
  <c r="U85" i="22"/>
  <c r="U84" i="22"/>
  <c r="U83" i="22"/>
  <c r="U82" i="22"/>
  <c r="U81" i="22"/>
  <c r="U80" i="22"/>
  <c r="U79" i="22"/>
  <c r="U78" i="22"/>
  <c r="U77" i="22"/>
  <c r="U76" i="22"/>
  <c r="U75" i="22"/>
  <c r="U74" i="22"/>
  <c r="U73" i="22"/>
  <c r="U72" i="22"/>
  <c r="U71" i="22"/>
  <c r="U70" i="22"/>
  <c r="U69" i="22"/>
  <c r="U68" i="22"/>
  <c r="U67" i="22"/>
  <c r="U66" i="22"/>
  <c r="U65" i="22"/>
  <c r="U64" i="22"/>
  <c r="U63" i="22"/>
  <c r="U62" i="22"/>
  <c r="U61" i="22"/>
  <c r="U60" i="22"/>
  <c r="U59" i="22"/>
  <c r="U58" i="22"/>
  <c r="U57" i="22"/>
  <c r="U96" i="21"/>
  <c r="U95" i="21"/>
  <c r="U94" i="21"/>
  <c r="U93" i="21"/>
  <c r="U92" i="21"/>
  <c r="U91" i="21"/>
  <c r="U90" i="21"/>
  <c r="U89" i="21"/>
  <c r="U88" i="21"/>
  <c r="U87" i="21"/>
  <c r="U86" i="21"/>
  <c r="U85" i="21"/>
  <c r="U84" i="21"/>
  <c r="U83" i="21"/>
  <c r="U82" i="21"/>
  <c r="U81" i="21"/>
  <c r="U80" i="21"/>
  <c r="U79" i="21"/>
  <c r="U78" i="21"/>
  <c r="U77" i="21"/>
  <c r="U76" i="21"/>
  <c r="U75" i="21"/>
  <c r="U74" i="21"/>
  <c r="U73" i="21"/>
  <c r="U72" i="21"/>
  <c r="U71" i="21"/>
  <c r="U70" i="21"/>
  <c r="U69" i="21"/>
  <c r="U68" i="21"/>
  <c r="U67" i="21"/>
  <c r="U66" i="21"/>
  <c r="U65" i="21"/>
  <c r="U64" i="21"/>
  <c r="U63" i="21"/>
  <c r="U62" i="21"/>
  <c r="U61" i="21"/>
  <c r="U60" i="21"/>
  <c r="U59" i="21"/>
  <c r="U58" i="21"/>
  <c r="U57" i="21"/>
  <c r="U96" i="7"/>
  <c r="U95" i="7"/>
  <c r="U94" i="7"/>
  <c r="U93" i="7"/>
  <c r="U92" i="7"/>
  <c r="U91" i="7"/>
  <c r="U90" i="7"/>
  <c r="U89" i="7"/>
  <c r="U88" i="7"/>
  <c r="U87" i="7"/>
  <c r="U86" i="7"/>
  <c r="U85" i="7"/>
  <c r="U84" i="7"/>
  <c r="U83" i="7"/>
  <c r="U82" i="7"/>
  <c r="U81" i="7"/>
  <c r="U80" i="7"/>
  <c r="U79" i="7"/>
  <c r="U78" i="7"/>
  <c r="U77" i="7"/>
  <c r="U76" i="7"/>
  <c r="U75" i="7"/>
  <c r="U74" i="7"/>
  <c r="U73" i="7"/>
  <c r="U72" i="7"/>
  <c r="U71" i="7"/>
  <c r="U70" i="7"/>
  <c r="U69" i="7"/>
  <c r="U68" i="7"/>
  <c r="U67" i="7"/>
  <c r="U66" i="7"/>
  <c r="U65" i="7"/>
  <c r="U64" i="7"/>
  <c r="U63" i="7"/>
  <c r="U62" i="7"/>
  <c r="U61" i="7"/>
  <c r="U60" i="7"/>
  <c r="U59" i="7"/>
  <c r="U58" i="7"/>
  <c r="U57" i="7"/>
  <c r="F15" i="25" l="1"/>
  <c r="E15" i="25"/>
  <c r="D15" i="25"/>
  <c r="G15" i="25"/>
  <c r="H15" i="25"/>
  <c r="I15" i="25"/>
  <c r="J15" i="25"/>
  <c r="K15" i="25"/>
  <c r="L15" i="25"/>
  <c r="M15" i="25"/>
  <c r="N15" i="25"/>
  <c r="C15" i="25"/>
  <c r="U18" i="23"/>
  <c r="U19" i="23"/>
  <c r="U20" i="23"/>
  <c r="U21" i="23"/>
  <c r="U22" i="23"/>
  <c r="U23" i="23"/>
  <c r="U24" i="23"/>
  <c r="U25" i="23"/>
  <c r="U26" i="23"/>
  <c r="U27" i="23"/>
  <c r="U28" i="23"/>
  <c r="U29" i="23"/>
  <c r="U30" i="23"/>
  <c r="U31" i="23"/>
  <c r="U32" i="23"/>
  <c r="U33" i="23"/>
  <c r="U34" i="23"/>
  <c r="U35" i="23"/>
  <c r="U36" i="23"/>
  <c r="U37" i="23"/>
  <c r="U38" i="23"/>
  <c r="U39" i="23"/>
  <c r="U40" i="23"/>
  <c r="U41" i="23"/>
  <c r="U42" i="23"/>
  <c r="U43" i="23"/>
  <c r="U44" i="23"/>
  <c r="U45" i="23"/>
  <c r="U46" i="23"/>
  <c r="U47" i="23"/>
  <c r="U48" i="23"/>
  <c r="U49" i="23"/>
  <c r="U50" i="23"/>
  <c r="U51" i="23"/>
  <c r="U52" i="23"/>
  <c r="U53" i="23"/>
  <c r="U54" i="23"/>
  <c r="U55" i="23"/>
  <c r="U56" i="23"/>
  <c r="U17" i="23"/>
  <c r="U18" i="22"/>
  <c r="U19" i="22"/>
  <c r="U20" i="22"/>
  <c r="U21" i="22"/>
  <c r="U22" i="22"/>
  <c r="U23" i="22"/>
  <c r="U24" i="22"/>
  <c r="U25" i="22"/>
  <c r="U26" i="22"/>
  <c r="U27" i="22"/>
  <c r="U28" i="22"/>
  <c r="U29" i="22"/>
  <c r="U30" i="22"/>
  <c r="U31" i="22"/>
  <c r="U32" i="22"/>
  <c r="U33" i="22"/>
  <c r="U34" i="22"/>
  <c r="U35" i="22"/>
  <c r="U36" i="22"/>
  <c r="U37" i="22"/>
  <c r="U38" i="22"/>
  <c r="U39" i="22"/>
  <c r="U40" i="22"/>
  <c r="U41" i="22"/>
  <c r="U42" i="22"/>
  <c r="U43" i="22"/>
  <c r="U44" i="22"/>
  <c r="U45" i="22"/>
  <c r="U46" i="22"/>
  <c r="U47" i="22"/>
  <c r="U48" i="22"/>
  <c r="U49" i="22"/>
  <c r="U50" i="22"/>
  <c r="U51" i="22"/>
  <c r="U52" i="22"/>
  <c r="U53" i="22"/>
  <c r="U54" i="22"/>
  <c r="U55" i="22"/>
  <c r="U56" i="22"/>
  <c r="U17" i="22"/>
  <c r="U18" i="21"/>
  <c r="U19" i="21"/>
  <c r="U20" i="21"/>
  <c r="U21" i="21"/>
  <c r="U22" i="21"/>
  <c r="U23" i="21"/>
  <c r="U24" i="21"/>
  <c r="U25" i="21"/>
  <c r="U26" i="21"/>
  <c r="U27" i="21"/>
  <c r="U28" i="21"/>
  <c r="U29" i="21"/>
  <c r="U30" i="21"/>
  <c r="U31" i="21"/>
  <c r="U32" i="21"/>
  <c r="U33" i="21"/>
  <c r="U34" i="21"/>
  <c r="U35" i="21"/>
  <c r="U36" i="21"/>
  <c r="U37" i="21"/>
  <c r="U38" i="21"/>
  <c r="U39" i="21"/>
  <c r="U40" i="21"/>
  <c r="U41" i="21"/>
  <c r="U42" i="21"/>
  <c r="U43" i="21"/>
  <c r="U44" i="21"/>
  <c r="U45" i="21"/>
  <c r="U46" i="21"/>
  <c r="U47" i="21"/>
  <c r="U48" i="21"/>
  <c r="U49" i="21"/>
  <c r="U50" i="21"/>
  <c r="U51" i="21"/>
  <c r="U52" i="21"/>
  <c r="U53" i="21"/>
  <c r="U54" i="21"/>
  <c r="U55" i="21"/>
  <c r="U56" i="21"/>
  <c r="U17" i="21"/>
  <c r="U21" i="7"/>
  <c r="U23" i="7"/>
  <c r="U56" i="7"/>
  <c r="U18" i="7"/>
  <c r="U19" i="7"/>
  <c r="U20" i="7"/>
  <c r="U22" i="7"/>
  <c r="U24" i="7"/>
  <c r="U25" i="7"/>
  <c r="U26" i="7"/>
  <c r="U27" i="7"/>
  <c r="U28" i="7"/>
  <c r="U29" i="7"/>
  <c r="U30" i="7"/>
  <c r="U31" i="7"/>
  <c r="U32" i="7"/>
  <c r="U33" i="7"/>
  <c r="U34" i="7"/>
  <c r="U35" i="7"/>
  <c r="U36" i="7"/>
  <c r="U37" i="7"/>
  <c r="U38" i="7"/>
  <c r="U39" i="7"/>
  <c r="U40" i="7"/>
  <c r="U41" i="7"/>
  <c r="U42" i="7"/>
  <c r="U43" i="7"/>
  <c r="U44" i="7"/>
  <c r="U45" i="7"/>
  <c r="U46" i="7"/>
  <c r="U47" i="7"/>
  <c r="U48" i="7"/>
  <c r="U49" i="7"/>
  <c r="U50" i="7"/>
  <c r="U51" i="7"/>
  <c r="U52" i="7"/>
  <c r="U53" i="7"/>
  <c r="U54" i="7"/>
  <c r="U55" i="7"/>
  <c r="U17" i="7"/>
</calcChain>
</file>

<file path=xl/sharedStrings.xml><?xml version="1.0" encoding="utf-8"?>
<sst xmlns="http://schemas.openxmlformats.org/spreadsheetml/2006/main" count="146" uniqueCount="71">
  <si>
    <t>４級</t>
    <rPh sb="1" eb="2">
      <t>キュウ</t>
    </rPh>
    <phoneticPr fontId="1"/>
  </si>
  <si>
    <t>３級</t>
    <rPh sb="1" eb="2">
      <t>キュウ</t>
    </rPh>
    <phoneticPr fontId="1"/>
  </si>
  <si>
    <t>２級</t>
    <rPh sb="1" eb="2">
      <t>キュウ</t>
    </rPh>
    <phoneticPr fontId="1"/>
  </si>
  <si>
    <t>１級</t>
    <rPh sb="1" eb="2">
      <t>キュウ</t>
    </rPh>
    <phoneticPr fontId="1"/>
  </si>
  <si>
    <t>1級</t>
    <rPh sb="1" eb="2">
      <t>キュウ</t>
    </rPh>
    <phoneticPr fontId="1"/>
  </si>
  <si>
    <t>500円</t>
    <rPh sb="3" eb="4">
      <t>エン</t>
    </rPh>
    <phoneticPr fontId="1"/>
  </si>
  <si>
    <t>　※　受験番号は、各学校で決めてください。</t>
    <rPh sb="3" eb="5">
      <t>ジュケン</t>
    </rPh>
    <rPh sb="5" eb="7">
      <t>バンゴウ</t>
    </rPh>
    <rPh sb="9" eb="12">
      <t>カクガッコウ</t>
    </rPh>
    <rPh sb="13" eb="14">
      <t>キ</t>
    </rPh>
    <phoneticPr fontId="1"/>
  </si>
  <si>
    <t>検定料</t>
    <rPh sb="0" eb="2">
      <t>ケンテイ</t>
    </rPh>
    <rPh sb="2" eb="3">
      <t>リョウ</t>
    </rPh>
    <phoneticPr fontId="1"/>
  </si>
  <si>
    <t>（様式　１－２）</t>
    <rPh sb="1" eb="3">
      <t>ヨウシキ</t>
    </rPh>
    <phoneticPr fontId="1"/>
  </si>
  <si>
    <t>　※　受験番号以外はすべて記入してください。</t>
    <rPh sb="3" eb="5">
      <t>ジュケン</t>
    </rPh>
    <rPh sb="5" eb="7">
      <t>バンゴウ</t>
    </rPh>
    <rPh sb="7" eb="9">
      <t>イガイ</t>
    </rPh>
    <rPh sb="13" eb="15">
      <t>キニュウ</t>
    </rPh>
    <phoneticPr fontId="1"/>
  </si>
  <si>
    <t>（様式　１－１）</t>
    <rPh sb="1" eb="3">
      <t>ヨウシキ</t>
    </rPh>
    <phoneticPr fontId="1"/>
  </si>
  <si>
    <t>　※　生年月日の元号が昭和の場合は、平成を二重線で消して、昭和と記入してください。</t>
    <rPh sb="3" eb="5">
      <t>セイネン</t>
    </rPh>
    <rPh sb="5" eb="7">
      <t>ガッピ</t>
    </rPh>
    <rPh sb="8" eb="10">
      <t>ゲンゴウ</t>
    </rPh>
    <rPh sb="11" eb="13">
      <t>ショウワ</t>
    </rPh>
    <rPh sb="14" eb="16">
      <t>バアイ</t>
    </rPh>
    <rPh sb="18" eb="20">
      <t>ヘイセイ</t>
    </rPh>
    <rPh sb="21" eb="24">
      <t>ニジュウセン</t>
    </rPh>
    <rPh sb="25" eb="26">
      <t>ケ</t>
    </rPh>
    <rPh sb="29" eb="31">
      <t>ショウワ</t>
    </rPh>
    <rPh sb="32" eb="34">
      <t>キニュウ</t>
    </rPh>
    <phoneticPr fontId="1"/>
  </si>
  <si>
    <t>　※　検定料振込後の返金はできませんので、ご了承ください。</t>
    <rPh sb="3" eb="5">
      <t>ケンテイ</t>
    </rPh>
    <rPh sb="5" eb="6">
      <t>リョウ</t>
    </rPh>
    <rPh sb="6" eb="7">
      <t>フ</t>
    </rPh>
    <rPh sb="7" eb="8">
      <t>コ</t>
    </rPh>
    <rPh sb="8" eb="9">
      <t>ゴ</t>
    </rPh>
    <rPh sb="10" eb="12">
      <t>ヘンキン</t>
    </rPh>
    <rPh sb="22" eb="24">
      <t>リョウショウ</t>
    </rPh>
    <phoneticPr fontId="1"/>
  </si>
  <si>
    <t>全国福祉高等学校長会主催</t>
    <rPh sb="0" eb="2">
      <t>ゼンコク</t>
    </rPh>
    <rPh sb="2" eb="4">
      <t>フクシ</t>
    </rPh>
    <rPh sb="4" eb="6">
      <t>コウトウ</t>
    </rPh>
    <rPh sb="6" eb="8">
      <t>ガッコウ</t>
    </rPh>
    <rPh sb="8" eb="9">
      <t>チョウ</t>
    </rPh>
    <rPh sb="9" eb="10">
      <t>カイ</t>
    </rPh>
    <rPh sb="10" eb="12">
      <t>シュサイ</t>
    </rPh>
    <phoneticPr fontId="2"/>
  </si>
  <si>
    <t>検定学校番号</t>
    <rPh sb="0" eb="2">
      <t>ケンテイ</t>
    </rPh>
    <rPh sb="2" eb="4">
      <t>ガッコウ</t>
    </rPh>
    <rPh sb="4" eb="6">
      <t>バンゴウ</t>
    </rPh>
    <phoneticPr fontId="2"/>
  </si>
  <si>
    <t>受験状況</t>
    <rPh sb="0" eb="2">
      <t>ジュケン</t>
    </rPh>
    <rPh sb="2" eb="4">
      <t>ジョウキョウ</t>
    </rPh>
    <phoneticPr fontId="2"/>
  </si>
  <si>
    <t>受験者数</t>
    <rPh sb="0" eb="3">
      <t>ジュケンシャ</t>
    </rPh>
    <rPh sb="3" eb="4">
      <t>スウ</t>
    </rPh>
    <phoneticPr fontId="2"/>
  </si>
  <si>
    <t>合格者数</t>
    <rPh sb="0" eb="3">
      <t>ゴウカクシャ</t>
    </rPh>
    <rPh sb="3" eb="4">
      <t>スウ</t>
    </rPh>
    <phoneticPr fontId="2"/>
  </si>
  <si>
    <t>学科及び系列・コース等</t>
    <rPh sb="0" eb="2">
      <t>ガッカ</t>
    </rPh>
    <rPh sb="2" eb="3">
      <t>オヨ</t>
    </rPh>
    <rPh sb="4" eb="6">
      <t>ケイレツ</t>
    </rPh>
    <rPh sb="10" eb="11">
      <t>トウ</t>
    </rPh>
    <phoneticPr fontId="2"/>
  </si>
  <si>
    <t>氏名</t>
    <rPh sb="0" eb="2">
      <t>シメイ</t>
    </rPh>
    <phoneticPr fontId="2"/>
  </si>
  <si>
    <t>ふりがな</t>
    <phoneticPr fontId="2"/>
  </si>
  <si>
    <t>性別</t>
    <rPh sb="0" eb="2">
      <t>セイベツ</t>
    </rPh>
    <phoneticPr fontId="2"/>
  </si>
  <si>
    <t>得点</t>
    <rPh sb="0" eb="2">
      <t>トクテン</t>
    </rPh>
    <phoneticPr fontId="2"/>
  </si>
  <si>
    <t>合否</t>
    <rPh sb="0" eb="2">
      <t>ゴウヒ</t>
    </rPh>
    <phoneticPr fontId="2"/>
  </si>
  <si>
    <t>氏　　　名</t>
    <rPh sb="0" eb="1">
      <t>ウジ</t>
    </rPh>
    <rPh sb="4" eb="5">
      <t>メイ</t>
    </rPh>
    <phoneticPr fontId="1"/>
  </si>
  <si>
    <t>　　　　年　　　   組　　　　番</t>
    <rPh sb="4" eb="5">
      <t>ネン</t>
    </rPh>
    <rPh sb="11" eb="12">
      <t>クミ</t>
    </rPh>
    <rPh sb="16" eb="17">
      <t>バン</t>
    </rPh>
    <phoneticPr fontId="1"/>
  </si>
  <si>
    <t>受 験 番 号</t>
    <phoneticPr fontId="1"/>
  </si>
  <si>
    <t>ふ り が な</t>
    <phoneticPr fontId="1"/>
  </si>
  <si>
    <t>氏      名</t>
    <phoneticPr fontId="1"/>
  </si>
  <si>
    <t>生　年　月　日</t>
    <phoneticPr fontId="1"/>
  </si>
  <si>
    <t>学年・組・番</t>
    <rPh sb="0" eb="2">
      <t>ガクネン</t>
    </rPh>
    <rPh sb="3" eb="4">
      <t>クミ</t>
    </rPh>
    <rPh sb="5" eb="6">
      <t>バン</t>
    </rPh>
    <phoneticPr fontId="1"/>
  </si>
  <si>
    <t>800円</t>
    <rPh sb="3" eb="4">
      <t>エン</t>
    </rPh>
    <phoneticPr fontId="1"/>
  </si>
  <si>
    <t>学　校　名</t>
    <rPh sb="4" eb="5">
      <t>メイ</t>
    </rPh>
    <phoneticPr fontId="1"/>
  </si>
  <si>
    <t>申　込
（〇をつける）</t>
    <rPh sb="0" eb="1">
      <t>モウ</t>
    </rPh>
    <rPh sb="2" eb="3">
      <t>コ</t>
    </rPh>
    <phoneticPr fontId="1"/>
  </si>
  <si>
    <t>申　込
（〇をつける）</t>
    <phoneticPr fontId="1"/>
  </si>
  <si>
    <t>　※　申込票（兼受験票）と領収書は切り離さず、検定料とともに担当の先生に渡してください。</t>
    <rPh sb="3" eb="5">
      <t>モウシコミ</t>
    </rPh>
    <rPh sb="5" eb="6">
      <t>ヒョウ</t>
    </rPh>
    <rPh sb="7" eb="8">
      <t>ケン</t>
    </rPh>
    <rPh sb="8" eb="11">
      <t>ジュケンヒョウ</t>
    </rPh>
    <rPh sb="13" eb="16">
      <t>リョウシュウショ</t>
    </rPh>
    <rPh sb="17" eb="18">
      <t>キ</t>
    </rPh>
    <rPh sb="19" eb="20">
      <t>ハナ</t>
    </rPh>
    <rPh sb="23" eb="25">
      <t>ケンテイ</t>
    </rPh>
    <rPh sb="25" eb="26">
      <t>リョウ</t>
    </rPh>
    <rPh sb="30" eb="32">
      <t>タントウ</t>
    </rPh>
    <rPh sb="33" eb="35">
      <t>センセイ</t>
    </rPh>
    <rPh sb="36" eb="37">
      <t>ワタ</t>
    </rPh>
    <phoneticPr fontId="1"/>
  </si>
  <si>
    <t>（様式　２－１）</t>
    <phoneticPr fontId="1"/>
  </si>
  <si>
    <t>学校名</t>
    <rPh sb="0" eb="3">
      <t>ガッコウメイ</t>
    </rPh>
    <phoneticPr fontId="2"/>
  </si>
  <si>
    <t>Ｎo．</t>
    <phoneticPr fontId="1"/>
  </si>
  <si>
    <t>合格証書番号（合格者のみ記入）</t>
    <rPh sb="0" eb="2">
      <t>ゴウカク</t>
    </rPh>
    <rPh sb="2" eb="4">
      <t>ショウショ</t>
    </rPh>
    <rPh sb="4" eb="6">
      <t>バンゴウ</t>
    </rPh>
    <rPh sb="7" eb="10">
      <t>ゴウカクシャ</t>
    </rPh>
    <rPh sb="12" eb="14">
      <t>キニュウ</t>
    </rPh>
    <phoneticPr fontId="2"/>
  </si>
  <si>
    <t>生年月日（西暦）</t>
    <rPh sb="0" eb="2">
      <t>セイネン</t>
    </rPh>
    <rPh sb="2" eb="4">
      <t>ガッピ</t>
    </rPh>
    <rPh sb="5" eb="7">
      <t>セイレキ</t>
    </rPh>
    <phoneticPr fontId="2"/>
  </si>
  <si>
    <t>（様式　２－２）</t>
    <phoneticPr fontId="1"/>
  </si>
  <si>
    <t>（様式　２－３）</t>
    <phoneticPr fontId="1"/>
  </si>
  <si>
    <t>（様式　２－４）</t>
    <phoneticPr fontId="1"/>
  </si>
  <si>
    <t>（様式　３）</t>
    <phoneticPr fontId="1"/>
  </si>
  <si>
    <t>１年生</t>
    <rPh sb="1" eb="3">
      <t>ネンセイ</t>
    </rPh>
    <phoneticPr fontId="1"/>
  </si>
  <si>
    <t>２年生</t>
    <rPh sb="1" eb="3">
      <t>ネンセイ</t>
    </rPh>
    <phoneticPr fontId="1"/>
  </si>
  <si>
    <t>３年生</t>
    <rPh sb="1" eb="3">
      <t>ネンセイ</t>
    </rPh>
    <phoneticPr fontId="1"/>
  </si>
  <si>
    <t>4年生</t>
    <rPh sb="1" eb="3">
      <t>ネンセイ</t>
    </rPh>
    <phoneticPr fontId="1"/>
  </si>
  <si>
    <t>合計</t>
    <rPh sb="0" eb="2">
      <t>ゴウケイ</t>
    </rPh>
    <phoneticPr fontId="1"/>
  </si>
  <si>
    <t>申込者数</t>
    <rPh sb="0" eb="2">
      <t>モウシコミ</t>
    </rPh>
    <rPh sb="2" eb="3">
      <t>シャ</t>
    </rPh>
    <rPh sb="3" eb="4">
      <t>スウ</t>
    </rPh>
    <phoneticPr fontId="1"/>
  </si>
  <si>
    <t>受験者数</t>
    <rPh sb="0" eb="3">
      <t>ジュケンシャ</t>
    </rPh>
    <rPh sb="3" eb="4">
      <t>スウ</t>
    </rPh>
    <phoneticPr fontId="1"/>
  </si>
  <si>
    <t>合格者数</t>
    <rPh sb="0" eb="3">
      <t>ゴウカクシャ</t>
    </rPh>
    <rPh sb="3" eb="4">
      <t>スウ</t>
    </rPh>
    <phoneticPr fontId="1"/>
  </si>
  <si>
    <t>学校名</t>
    <rPh sb="0" eb="3">
      <t>ガッコウメイ</t>
    </rPh>
    <phoneticPr fontId="1"/>
  </si>
  <si>
    <t>申込者数</t>
    <rPh sb="0" eb="2">
      <t>モウシコミ</t>
    </rPh>
    <rPh sb="2" eb="3">
      <t>シャ</t>
    </rPh>
    <rPh sb="3" eb="4">
      <t>スウ</t>
    </rPh>
    <phoneticPr fontId="2"/>
  </si>
  <si>
    <t>事務局
記入欄</t>
    <rPh sb="0" eb="3">
      <t>ジムキョク</t>
    </rPh>
    <rPh sb="4" eb="6">
      <t>キニュウ</t>
    </rPh>
    <rPh sb="6" eb="7">
      <t>ラン</t>
    </rPh>
    <phoneticPr fontId="1"/>
  </si>
  <si>
    <t>４級　合格証書送付枚数</t>
    <rPh sb="1" eb="2">
      <t>キュウ</t>
    </rPh>
    <rPh sb="3" eb="7">
      <t>ゴウカクショウショ</t>
    </rPh>
    <rPh sb="7" eb="9">
      <t>ソウフ</t>
    </rPh>
    <rPh sb="9" eb="11">
      <t>マイスウ</t>
    </rPh>
    <phoneticPr fontId="1"/>
  </si>
  <si>
    <t>３級　合格証書送付枚数</t>
    <rPh sb="1" eb="2">
      <t>キュウ</t>
    </rPh>
    <rPh sb="3" eb="7">
      <t>ゴウカクショウショ</t>
    </rPh>
    <rPh sb="9" eb="11">
      <t>マイスウ</t>
    </rPh>
    <phoneticPr fontId="1"/>
  </si>
  <si>
    <t>２級　合格証書送付枚数</t>
    <rPh sb="1" eb="2">
      <t>キュウ</t>
    </rPh>
    <rPh sb="3" eb="7">
      <t>ゴウカクショウショ</t>
    </rPh>
    <rPh sb="9" eb="11">
      <t>マイスウ</t>
    </rPh>
    <phoneticPr fontId="1"/>
  </si>
  <si>
    <t>１級　合格証書送付枚数</t>
    <rPh sb="1" eb="2">
      <t>キュウ</t>
    </rPh>
    <rPh sb="3" eb="7">
      <t>ゴウカクショウショ</t>
    </rPh>
    <rPh sb="9" eb="11">
      <t>マイスウ</t>
    </rPh>
    <phoneticPr fontId="1"/>
  </si>
  <si>
    <t xml:space="preserve"> </t>
    <phoneticPr fontId="1"/>
  </si>
  <si>
    <t>平成　　     年  　　　月　     　日　生</t>
    <rPh sb="0" eb="2">
      <t>ヘイセイ</t>
    </rPh>
    <rPh sb="9" eb="10">
      <t>ネン</t>
    </rPh>
    <rPh sb="15" eb="16">
      <t>ガツ</t>
    </rPh>
    <rPh sb="23" eb="24">
      <t>ニチ</t>
    </rPh>
    <rPh sb="25" eb="26">
      <t>ウ</t>
    </rPh>
    <phoneticPr fontId="1"/>
  </si>
  <si>
    <t>　　　　年　　  　   組　　  　　番</t>
    <rPh sb="4" eb="5">
      <t>ネン</t>
    </rPh>
    <rPh sb="13" eb="14">
      <t>クミ</t>
    </rPh>
    <rPh sb="20" eb="21">
      <t>バン</t>
    </rPh>
    <phoneticPr fontId="1"/>
  </si>
  <si>
    <t>全国福祉高等学校長会主催　　　　　　　　　　　　　　　　　　　　　　　　　　　　　　　　　　　　　　　　　　　　　　　　
令和６年度　社会福祉・介護福祉検定
申込票（兼受験票）</t>
    <rPh sb="0" eb="2">
      <t>ゼンコク</t>
    </rPh>
    <rPh sb="2" eb="4">
      <t>フクシ</t>
    </rPh>
    <rPh sb="4" eb="6">
      <t>コウトウ</t>
    </rPh>
    <rPh sb="6" eb="8">
      <t>ガッコウ</t>
    </rPh>
    <rPh sb="8" eb="9">
      <t>チョウ</t>
    </rPh>
    <rPh sb="9" eb="10">
      <t>カイ</t>
    </rPh>
    <rPh sb="10" eb="12">
      <t>シュサイ</t>
    </rPh>
    <rPh sb="61" eb="62">
      <t>レイ</t>
    </rPh>
    <rPh sb="67" eb="69">
      <t>シャカイ</t>
    </rPh>
    <rPh sb="68" eb="70">
      <t>フクシ</t>
    </rPh>
    <rPh sb="71" eb="73">
      <t>カイゴ</t>
    </rPh>
    <rPh sb="73" eb="75">
      <t>フクシ</t>
    </rPh>
    <rPh sb="75" eb="77">
      <t>ケンテイ</t>
    </rPh>
    <rPh sb="77" eb="78">
      <t>モウ</t>
    </rPh>
    <rPh sb="79" eb="80">
      <t>コ</t>
    </rPh>
    <rPh sb="80" eb="81">
      <t>ヒョウ</t>
    </rPh>
    <rPh sb="83" eb="84">
      <t>ケン</t>
    </rPh>
    <rPh sb="84" eb="87">
      <t>ジュケンヒョウ</t>
    </rPh>
    <phoneticPr fontId="1"/>
  </si>
  <si>
    <t>全国福祉高等学校長会主催　　　　　　　　　　　　　　　　　　　　　　　　　　　　　　　　　　　　　　　　　　　　　　　　
令和６年度　社会福祉・介護福祉検定
領収書</t>
    <rPh sb="0" eb="2">
      <t>ゼンコク</t>
    </rPh>
    <rPh sb="2" eb="4">
      <t>フクシ</t>
    </rPh>
    <rPh sb="4" eb="6">
      <t>コウトウ</t>
    </rPh>
    <rPh sb="6" eb="8">
      <t>ガッコウ</t>
    </rPh>
    <rPh sb="8" eb="9">
      <t>チョウ</t>
    </rPh>
    <rPh sb="9" eb="10">
      <t>カイ</t>
    </rPh>
    <rPh sb="10" eb="12">
      <t>シュサイ</t>
    </rPh>
    <rPh sb="61" eb="63">
      <t>レイワ</t>
    </rPh>
    <rPh sb="64" eb="66">
      <t>ネンド</t>
    </rPh>
    <rPh sb="67" eb="69">
      <t>シャカイ</t>
    </rPh>
    <rPh sb="69" eb="71">
      <t>フクシ</t>
    </rPh>
    <rPh sb="72" eb="74">
      <t>カイゴ</t>
    </rPh>
    <rPh sb="74" eb="76">
      <t>フクシ</t>
    </rPh>
    <rPh sb="76" eb="78">
      <t>ケンテイ</t>
    </rPh>
    <rPh sb="79" eb="82">
      <t>リョウシュウショ</t>
    </rPh>
    <phoneticPr fontId="1"/>
  </si>
  <si>
    <t xml:space="preserve">　　　　　　　　　　　　　　　　　　　　　　　　　　　　　　　　上記の検定料を受領しました。
　　令和　 ６ 　年　　　　　　　月　　　　　　　　　日
　　担当者　　　　　　　　　　　　　　　　　　　　　　　　　　　　　　　印
</t>
    <rPh sb="53" eb="55">
      <t>レイワ</t>
    </rPh>
    <rPh sb="60" eb="61">
      <t>ドシ</t>
    </rPh>
    <rPh sb="68" eb="69">
      <t>ガツ</t>
    </rPh>
    <phoneticPr fontId="1"/>
  </si>
  <si>
    <t>令和６年度　社会福祉・介護福祉検定　４級受験者・合格者名簿</t>
    <rPh sb="0" eb="2">
      <t>レイワ</t>
    </rPh>
    <rPh sb="3" eb="5">
      <t>ネンド</t>
    </rPh>
    <rPh sb="4" eb="5">
      <t>ド</t>
    </rPh>
    <rPh sb="6" eb="8">
      <t>シャカイ</t>
    </rPh>
    <rPh sb="8" eb="10">
      <t>フクシ</t>
    </rPh>
    <rPh sb="11" eb="13">
      <t>カイゴ</t>
    </rPh>
    <rPh sb="13" eb="15">
      <t>フクシ</t>
    </rPh>
    <rPh sb="15" eb="17">
      <t>ケンテイ</t>
    </rPh>
    <rPh sb="19" eb="20">
      <t>キュウ</t>
    </rPh>
    <rPh sb="20" eb="23">
      <t>ジュケンシャ</t>
    </rPh>
    <rPh sb="24" eb="27">
      <t>ゴウカクシャ</t>
    </rPh>
    <rPh sb="27" eb="29">
      <t>メイボ</t>
    </rPh>
    <phoneticPr fontId="2"/>
  </si>
  <si>
    <t>令和６年度　社会福祉・介護福祉検定　３級受験者・合格者名簿</t>
    <rPh sb="0" eb="2">
      <t>レイワ</t>
    </rPh>
    <rPh sb="3" eb="5">
      <t>ネンド</t>
    </rPh>
    <rPh sb="4" eb="5">
      <t>ド</t>
    </rPh>
    <rPh sb="6" eb="8">
      <t>シャカイ</t>
    </rPh>
    <rPh sb="8" eb="10">
      <t>フクシ</t>
    </rPh>
    <rPh sb="11" eb="13">
      <t>カイゴ</t>
    </rPh>
    <rPh sb="13" eb="15">
      <t>フクシ</t>
    </rPh>
    <rPh sb="15" eb="17">
      <t>ケンテイ</t>
    </rPh>
    <rPh sb="19" eb="20">
      <t>キュウ</t>
    </rPh>
    <rPh sb="20" eb="23">
      <t>ジュケンシャ</t>
    </rPh>
    <rPh sb="24" eb="27">
      <t>ゴウカクシャ</t>
    </rPh>
    <rPh sb="27" eb="29">
      <t>メイボ</t>
    </rPh>
    <phoneticPr fontId="2"/>
  </si>
  <si>
    <t>令和６年度　社会福祉・介護福祉検定　２級受験者・合格者名簿</t>
    <rPh sb="0" eb="2">
      <t>レイワ</t>
    </rPh>
    <rPh sb="3" eb="5">
      <t>ネンド</t>
    </rPh>
    <rPh sb="4" eb="5">
      <t>ド</t>
    </rPh>
    <rPh sb="6" eb="8">
      <t>シャカイ</t>
    </rPh>
    <rPh sb="8" eb="10">
      <t>フクシ</t>
    </rPh>
    <rPh sb="11" eb="13">
      <t>カイゴ</t>
    </rPh>
    <rPh sb="13" eb="15">
      <t>フクシ</t>
    </rPh>
    <rPh sb="15" eb="17">
      <t>ケンテイ</t>
    </rPh>
    <rPh sb="19" eb="20">
      <t>キュウ</t>
    </rPh>
    <rPh sb="20" eb="23">
      <t>ジュケンシャ</t>
    </rPh>
    <rPh sb="24" eb="27">
      <t>ゴウカクシャ</t>
    </rPh>
    <rPh sb="27" eb="29">
      <t>メイボ</t>
    </rPh>
    <phoneticPr fontId="2"/>
  </si>
  <si>
    <t>令和６年度　社会福祉・介護福祉検定　１級受験者・合格者名簿</t>
    <rPh sb="0" eb="2">
      <t>レイワ</t>
    </rPh>
    <rPh sb="3" eb="5">
      <t>ネンド</t>
    </rPh>
    <rPh sb="4" eb="5">
      <t>ド</t>
    </rPh>
    <rPh sb="6" eb="8">
      <t>シャカイ</t>
    </rPh>
    <rPh sb="8" eb="10">
      <t>フクシ</t>
    </rPh>
    <rPh sb="11" eb="13">
      <t>カイゴ</t>
    </rPh>
    <rPh sb="13" eb="15">
      <t>フクシ</t>
    </rPh>
    <rPh sb="15" eb="17">
      <t>ケンテイ</t>
    </rPh>
    <rPh sb="19" eb="20">
      <t>キュウ</t>
    </rPh>
    <rPh sb="20" eb="23">
      <t>ジュケンシャ</t>
    </rPh>
    <rPh sb="24" eb="27">
      <t>ゴウカクシャ</t>
    </rPh>
    <rPh sb="27" eb="29">
      <t>メイボ</t>
    </rPh>
    <phoneticPr fontId="2"/>
  </si>
  <si>
    <t>令和６年度　社会福祉・介護福祉検定　合格者数</t>
    <rPh sb="0" eb="2">
      <t>レイワ</t>
    </rPh>
    <rPh sb="3" eb="5">
      <t>ネンド</t>
    </rPh>
    <rPh sb="4" eb="5">
      <t>ド</t>
    </rPh>
    <rPh sb="6" eb="8">
      <t>シャカイ</t>
    </rPh>
    <rPh sb="8" eb="10">
      <t>フクシ</t>
    </rPh>
    <rPh sb="11" eb="13">
      <t>カイゴ</t>
    </rPh>
    <rPh sb="13" eb="15">
      <t>フクシ</t>
    </rPh>
    <rPh sb="15" eb="17">
      <t>ケンテイ</t>
    </rPh>
    <rPh sb="18" eb="21">
      <t>ゴウカクシャ</t>
    </rPh>
    <rPh sb="21" eb="22">
      <t>カズ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7">
    <font>
      <sz val="11"/>
      <color theme="1"/>
      <name val="Yu Gothic"/>
      <family val="2"/>
      <charset val="128"/>
      <scheme val="minor"/>
    </font>
    <font>
      <sz val="6"/>
      <name val="Yu Gothic"/>
      <family val="2"/>
      <charset val="128"/>
      <scheme val="minor"/>
    </font>
    <font>
      <sz val="6"/>
      <name val="ＭＳ Ｐゴシック"/>
      <family val="3"/>
      <charset val="128"/>
    </font>
    <font>
      <sz val="11"/>
      <color theme="1"/>
      <name val="UD デジタル 教科書体 NK-B"/>
      <family val="1"/>
      <charset val="128"/>
    </font>
    <font>
      <sz val="11"/>
      <name val="UD デジタル 教科書体 NK-B"/>
      <family val="1"/>
      <charset val="128"/>
    </font>
    <font>
      <sz val="10"/>
      <name val="UD デジタル 教科書体 NK-B"/>
      <family val="1"/>
      <charset val="128"/>
    </font>
    <font>
      <sz val="9"/>
      <name val="UD デジタル 教科書体 NK-B"/>
      <family val="1"/>
      <charset val="128"/>
    </font>
    <font>
      <sz val="8"/>
      <color theme="1"/>
      <name val="UD デジタル 教科書体 NK-B"/>
      <family val="1"/>
      <charset val="128"/>
    </font>
    <font>
      <sz val="9"/>
      <color theme="1"/>
      <name val="UD デジタル 教科書体 NK-B"/>
      <family val="1"/>
      <charset val="128"/>
    </font>
    <font>
      <sz val="8"/>
      <name val="UD デジタル 教科書体 NK-B"/>
      <family val="1"/>
      <charset val="128"/>
    </font>
    <font>
      <sz val="8"/>
      <color rgb="FFFF0000"/>
      <name val="UD デジタル 教科書体 NK-B"/>
      <family val="1"/>
      <charset val="128"/>
    </font>
    <font>
      <sz val="12"/>
      <color theme="1"/>
      <name val="UD デジタル 教科書体 NK-B"/>
      <family val="1"/>
      <charset val="128"/>
    </font>
    <font>
      <sz val="12"/>
      <name val="UD デジタル 教科書体 NK-B"/>
      <family val="1"/>
      <charset val="128"/>
    </font>
    <font>
      <sz val="16"/>
      <color theme="1"/>
      <name val="UD デジタル 教科書体 NK-B"/>
      <family val="1"/>
      <charset val="128"/>
    </font>
    <font>
      <sz val="11"/>
      <name val="ＭＳ Ｐゴシック"/>
      <family val="3"/>
      <charset val="128"/>
    </font>
    <font>
      <b/>
      <sz val="14"/>
      <color theme="1"/>
      <name val="UD デジタル 教科書体 NK-B"/>
      <family val="1"/>
      <charset val="128"/>
    </font>
    <font>
      <sz val="20"/>
      <color theme="1"/>
      <name val="UD デジタル 教科書体 NK-B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dashed">
        <color indexed="64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14" fillId="0" borderId="0">
      <alignment vertical="center"/>
    </xf>
  </cellStyleXfs>
  <cellXfs count="67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7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7" xfId="0" applyFont="1" applyBorder="1">
      <alignment vertical="center"/>
    </xf>
    <xf numFmtId="0" fontId="4" fillId="0" borderId="0" xfId="0" applyFont="1">
      <alignment vertical="center"/>
    </xf>
    <xf numFmtId="0" fontId="7" fillId="0" borderId="0" xfId="0" applyFont="1">
      <alignment vertical="center"/>
    </xf>
    <xf numFmtId="0" fontId="8" fillId="0" borderId="7" xfId="0" applyFont="1" applyBorder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10" fillId="0" borderId="0" xfId="0" applyFont="1">
      <alignment vertical="center"/>
    </xf>
    <xf numFmtId="0" fontId="6" fillId="0" borderId="7" xfId="0" applyFont="1" applyBorder="1">
      <alignment vertical="center"/>
    </xf>
    <xf numFmtId="0" fontId="6" fillId="0" borderId="0" xfId="0" applyFont="1">
      <alignment vertical="center"/>
    </xf>
    <xf numFmtId="0" fontId="4" fillId="0" borderId="2" xfId="0" applyFont="1" applyBorder="1">
      <alignment vertical="center"/>
    </xf>
    <xf numFmtId="0" fontId="11" fillId="0" borderId="1" xfId="0" applyFont="1" applyBorder="1" applyAlignment="1">
      <alignment horizontal="center" vertical="center"/>
    </xf>
    <xf numFmtId="0" fontId="11" fillId="0" borderId="1" xfId="0" applyFont="1" applyBorder="1" applyAlignment="1" applyProtection="1">
      <alignment horizontal="center" vertical="center"/>
      <protection locked="0"/>
    </xf>
    <xf numFmtId="0" fontId="11" fillId="0" borderId="0" xfId="0" applyFont="1" applyProtection="1">
      <alignment vertical="center"/>
      <protection locked="0"/>
    </xf>
    <xf numFmtId="0" fontId="11" fillId="0" borderId="0" xfId="0" applyFont="1" applyAlignment="1" applyProtection="1">
      <alignment horizontal="center" vertical="center"/>
      <protection locked="0"/>
    </xf>
    <xf numFmtId="0" fontId="11" fillId="0" borderId="1" xfId="0" applyFont="1" applyBorder="1" applyAlignment="1" applyProtection="1">
      <alignment horizontal="center" vertical="center" shrinkToFit="1"/>
      <protection locked="0"/>
    </xf>
    <xf numFmtId="0" fontId="16" fillId="0" borderId="0" xfId="0" applyFont="1" applyProtection="1">
      <alignment vertical="center"/>
      <protection locked="0"/>
    </xf>
    <xf numFmtId="0" fontId="3" fillId="0" borderId="0" xfId="0" applyFont="1" applyProtection="1">
      <alignment vertical="center"/>
      <protection locked="0"/>
    </xf>
    <xf numFmtId="0" fontId="3" fillId="0" borderId="1" xfId="0" applyFont="1" applyBorder="1" applyAlignment="1" applyProtection="1">
      <alignment horizontal="center" vertical="center"/>
      <protection locked="0"/>
    </xf>
    <xf numFmtId="0" fontId="3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11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shrinkToFit="1"/>
    </xf>
    <xf numFmtId="0" fontId="5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right" vertical="center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left" vertical="center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right" vertical="center" shrinkToFit="1"/>
    </xf>
    <xf numFmtId="0" fontId="3" fillId="0" borderId="0" xfId="0" applyFont="1" applyAlignment="1">
      <alignment horizontal="center" vertical="center"/>
    </xf>
    <xf numFmtId="0" fontId="12" fillId="0" borderId="1" xfId="0" applyFont="1" applyBorder="1" applyAlignment="1">
      <alignment horizontal="center" vertical="center" wrapText="1"/>
    </xf>
    <xf numFmtId="0" fontId="11" fillId="0" borderId="4" xfId="0" applyFont="1" applyBorder="1" applyAlignment="1" applyProtection="1">
      <alignment horizontal="center" vertical="center"/>
      <protection locked="0"/>
    </xf>
    <xf numFmtId="0" fontId="11" fillId="0" borderId="6" xfId="0" applyFont="1" applyBorder="1" applyAlignment="1" applyProtection="1">
      <alignment horizontal="center" vertical="center"/>
      <protection locked="0"/>
    </xf>
    <xf numFmtId="0" fontId="11" fillId="0" borderId="5" xfId="0" applyFont="1" applyBorder="1" applyAlignment="1" applyProtection="1">
      <alignment horizontal="center" vertical="center"/>
      <protection locked="0"/>
    </xf>
    <xf numFmtId="0" fontId="11" fillId="0" borderId="4" xfId="0" applyFont="1" applyBorder="1" applyAlignment="1" applyProtection="1">
      <alignment horizontal="center" vertical="center" shrinkToFit="1"/>
      <protection locked="0"/>
    </xf>
    <xf numFmtId="0" fontId="11" fillId="0" borderId="6" xfId="0" applyFont="1" applyBorder="1" applyAlignment="1" applyProtection="1">
      <alignment horizontal="center" vertical="center" shrinkToFit="1"/>
      <protection locked="0"/>
    </xf>
    <xf numFmtId="0" fontId="11" fillId="0" borderId="5" xfId="0" applyFont="1" applyBorder="1" applyAlignment="1" applyProtection="1">
      <alignment horizontal="center" vertical="center" shrinkToFit="1"/>
      <protection locked="0"/>
    </xf>
    <xf numFmtId="49" fontId="11" fillId="0" borderId="4" xfId="0" applyNumberFormat="1" applyFont="1" applyBorder="1" applyAlignment="1" applyProtection="1">
      <alignment horizontal="center" vertical="center" shrinkToFit="1"/>
      <protection locked="0"/>
    </xf>
    <xf numFmtId="49" fontId="11" fillId="0" borderId="6" xfId="0" applyNumberFormat="1" applyFont="1" applyBorder="1" applyAlignment="1" applyProtection="1">
      <alignment horizontal="center" vertical="center" shrinkToFit="1"/>
      <protection locked="0"/>
    </xf>
    <xf numFmtId="49" fontId="11" fillId="0" borderId="5" xfId="0" applyNumberFormat="1" applyFont="1" applyBorder="1" applyAlignment="1" applyProtection="1">
      <alignment horizontal="center" vertical="center" shrinkToFit="1"/>
      <protection locked="0"/>
    </xf>
    <xf numFmtId="0" fontId="11" fillId="0" borderId="4" xfId="0" applyFont="1" applyBorder="1" applyAlignment="1" applyProtection="1">
      <alignment horizontal="center" vertical="center" wrapText="1" shrinkToFit="1"/>
      <protection locked="0"/>
    </xf>
    <xf numFmtId="0" fontId="11" fillId="0" borderId="6" xfId="0" applyFont="1" applyBorder="1" applyAlignment="1" applyProtection="1">
      <alignment horizontal="center" vertical="center" wrapText="1" shrinkToFit="1"/>
      <protection locked="0"/>
    </xf>
    <xf numFmtId="0" fontId="11" fillId="0" borderId="5" xfId="0" applyFont="1" applyBorder="1" applyAlignment="1" applyProtection="1">
      <alignment horizontal="center" vertical="center" wrapText="1" shrinkToFit="1"/>
      <protection locked="0"/>
    </xf>
    <xf numFmtId="0" fontId="13" fillId="0" borderId="4" xfId="0" applyFont="1" applyBorder="1" applyAlignment="1" applyProtection="1">
      <alignment horizontal="center" vertical="center"/>
      <protection locked="0"/>
    </xf>
    <xf numFmtId="0" fontId="13" fillId="0" borderId="6" xfId="0" applyFont="1" applyBorder="1" applyAlignment="1" applyProtection="1">
      <alignment horizontal="center" vertical="center"/>
      <protection locked="0"/>
    </xf>
    <xf numFmtId="0" fontId="13" fillId="0" borderId="5" xfId="0" applyFont="1" applyBorder="1" applyAlignment="1" applyProtection="1">
      <alignment horizontal="center" vertical="center"/>
      <protection locked="0"/>
    </xf>
    <xf numFmtId="0" fontId="16" fillId="0" borderId="0" xfId="0" applyFont="1" applyAlignment="1" applyProtection="1">
      <alignment horizontal="left" vertical="center"/>
      <protection locked="0"/>
    </xf>
    <xf numFmtId="0" fontId="13" fillId="0" borderId="1" xfId="0" applyFont="1" applyBorder="1" applyAlignment="1" applyProtection="1">
      <alignment horizontal="center" vertical="center"/>
      <protection locked="0"/>
    </xf>
    <xf numFmtId="49" fontId="11" fillId="0" borderId="4" xfId="0" applyNumberFormat="1" applyFont="1" applyBorder="1" applyAlignment="1" applyProtection="1">
      <alignment horizontal="center" vertical="center"/>
      <protection locked="0"/>
    </xf>
    <xf numFmtId="49" fontId="11" fillId="0" borderId="6" xfId="0" applyNumberFormat="1" applyFont="1" applyBorder="1" applyAlignment="1" applyProtection="1">
      <alignment horizontal="center" vertical="center"/>
      <protection locked="0"/>
    </xf>
    <xf numFmtId="49" fontId="11" fillId="0" borderId="5" xfId="0" applyNumberFormat="1" applyFont="1" applyBorder="1" applyAlignment="1" applyProtection="1">
      <alignment horizontal="center" vertical="center"/>
      <protection locked="0"/>
    </xf>
    <xf numFmtId="0" fontId="13" fillId="0" borderId="3" xfId="0" applyFont="1" applyBorder="1" applyAlignment="1" applyProtection="1">
      <alignment horizontal="center" vertical="center"/>
      <protection locked="0"/>
    </xf>
    <xf numFmtId="31" fontId="11" fillId="0" borderId="4" xfId="0" applyNumberFormat="1" applyFont="1" applyBorder="1" applyAlignment="1" applyProtection="1">
      <alignment horizontal="center" vertical="center"/>
      <protection locked="0"/>
    </xf>
    <xf numFmtId="0" fontId="15" fillId="0" borderId="1" xfId="1" applyFont="1" applyBorder="1" applyAlignment="1" applyProtection="1">
      <alignment horizontal="center" vertical="center" wrapText="1" shrinkToFit="1"/>
      <protection locked="0"/>
    </xf>
    <xf numFmtId="0" fontId="11" fillId="0" borderId="1" xfId="0" applyFont="1" applyBorder="1" applyAlignment="1" applyProtection="1">
      <alignment horizontal="center" vertical="center"/>
      <protection locked="0"/>
    </xf>
    <xf numFmtId="0" fontId="3" fillId="0" borderId="8" xfId="0" applyFont="1" applyBorder="1" applyAlignment="1" applyProtection="1">
      <alignment horizontal="center" vertical="center" wrapText="1"/>
      <protection locked="0"/>
    </xf>
    <xf numFmtId="0" fontId="3" fillId="0" borderId="11" xfId="0" applyFont="1" applyBorder="1" applyAlignment="1" applyProtection="1">
      <alignment horizontal="center" vertical="center" wrapText="1"/>
      <protection locked="0"/>
    </xf>
    <xf numFmtId="0" fontId="11" fillId="0" borderId="9" xfId="0" applyFont="1" applyBorder="1" applyAlignment="1" applyProtection="1">
      <alignment horizontal="center" vertical="center"/>
      <protection locked="0"/>
    </xf>
    <xf numFmtId="0" fontId="11" fillId="0" borderId="10" xfId="0" applyFont="1" applyBorder="1" applyAlignment="1" applyProtection="1">
      <alignment horizontal="center" vertical="center"/>
      <protection locked="0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</cellXfs>
  <cellStyles count="2">
    <cellStyle name="標準" xfId="0" builtinId="0"/>
    <cellStyle name="標準 3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42877</xdr:colOff>
      <xdr:row>7</xdr:row>
      <xdr:rowOff>106888</xdr:rowOff>
    </xdr:from>
    <xdr:to>
      <xdr:col>12</xdr:col>
      <xdr:colOff>493059</xdr:colOff>
      <xdr:row>14</xdr:row>
      <xdr:rowOff>31749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/>
      </xdr:nvSpPr>
      <xdr:spPr>
        <a:xfrm>
          <a:off x="344583" y="2079123"/>
          <a:ext cx="7667623" cy="2278097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入力上の留意点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１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Ｎ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o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．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は通番を記入する。		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２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学科及び系列・コース等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の欄は、福祉科や総合学科などを入力する。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３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合格証書番号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は、学校番号・各学校で付与する任意番号の順に入力する。（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13-2-1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など）</a:t>
          </a: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４　受験者の氏名、ふりがな、生年月日は、正確に入力する。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５　欠席等で未受験の場合は得点欄を空白とする。（０点としない）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６　</a:t>
          </a:r>
          <a:r>
            <a:rPr kumimoji="1" lang="ja-JP" altLang="en-US" sz="1400" u="dbl">
              <a:solidFill>
                <a:schemeClr val="tx1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本様式は、</a:t>
          </a:r>
          <a:r>
            <a:rPr kumimoji="1" lang="ja-JP" altLang="en-US" sz="1400" u="dbl">
              <a:solidFill>
                <a:srgbClr val="FF0000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令和７年１月７日（火）</a:t>
          </a:r>
          <a:r>
            <a:rPr kumimoji="1" lang="ja-JP" altLang="en-US" sz="1400" u="dbl">
              <a:solidFill>
                <a:schemeClr val="tx1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までに検定本部事務局に報告する。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	</a:t>
          </a:r>
          <a:r>
            <a:rPr kumimoji="1" lang="ja-JP" altLang="en-US" sz="1200">
              <a:solidFill>
                <a:srgbClr val="FF0000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＊厳守をお願いいたします。</a:t>
          </a:r>
          <a:endParaRPr kumimoji="1" lang="en-US" altLang="ja-JP" sz="1200">
            <a:solidFill>
              <a:srgbClr val="FF0000"/>
            </a:solidFill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７　提出時のパスワードは後日連絡します。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37581</xdr:colOff>
      <xdr:row>7</xdr:row>
      <xdr:rowOff>105832</xdr:rowOff>
    </xdr:from>
    <xdr:to>
      <xdr:col>12</xdr:col>
      <xdr:colOff>481853</xdr:colOff>
      <xdr:row>14</xdr:row>
      <xdr:rowOff>30693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3250238-3AA4-4ACE-A011-22B39072E741}"/>
            </a:ext>
          </a:extLst>
        </xdr:cNvPr>
        <xdr:cNvSpPr txBox="1"/>
      </xdr:nvSpPr>
      <xdr:spPr>
        <a:xfrm>
          <a:off x="339287" y="2078067"/>
          <a:ext cx="7661713" cy="2278097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入力上の留意点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１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Ｎ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o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．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は通番を記入する。		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２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学科及び系列・コース等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の欄は、福祉科や総合学科などを入力する。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３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合格証書番号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は、学校番号・各学校で付与する任意番号の順に入力する。（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13-2-1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など）</a:t>
          </a: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４　受験者の氏名、ふりがな、生年月日は、正確に入力する。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５　欠席等で未受験の場合は得点欄を空白とする。（０点としない）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６　</a:t>
          </a:r>
          <a:r>
            <a:rPr kumimoji="1" lang="ja-JP" altLang="en-US" sz="1400" u="dbl">
              <a:solidFill>
                <a:schemeClr val="tx1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本様式は、</a:t>
          </a:r>
          <a:r>
            <a:rPr kumimoji="1" lang="ja-JP" altLang="en-US" sz="1400" u="dbl">
              <a:solidFill>
                <a:srgbClr val="FF0000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令和７年１月７日（火）</a:t>
          </a:r>
          <a:r>
            <a:rPr kumimoji="1" lang="ja-JP" altLang="en-US" sz="1400" u="dbl">
              <a:solidFill>
                <a:schemeClr val="tx1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までに検定本部事務局に報告する。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	</a:t>
          </a:r>
          <a:r>
            <a:rPr kumimoji="1" lang="ja-JP" altLang="en-US" sz="12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UD デジタル 教科書体 NK-B" panose="02020700000000000000" pitchFamily="18" charset="-128"/>
              <a:ea typeface="UD デジタル 教科書体 NK-B" panose="02020700000000000000" pitchFamily="18" charset="-128"/>
              <a:cs typeface="+mn-cs"/>
            </a:rPr>
            <a:t>＊厳守をお願いいたします。</a:t>
          </a:r>
          <a:endParaRPr kumimoji="1" lang="en-US" altLang="ja-JP" sz="12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７　</a:t>
          </a:r>
          <a:r>
            <a:rPr kumimoji="1" lang="ja-JP" altLang="ja-JP" sz="1400">
              <a:solidFill>
                <a:schemeClr val="dk1"/>
              </a:solidFill>
              <a:effectLst/>
              <a:latin typeface="UD デジタル 教科書体 NK-B" panose="02020700000000000000" pitchFamily="18" charset="-128"/>
              <a:ea typeface="UD デジタル 教科書体 NK-B" panose="02020700000000000000" pitchFamily="18" charset="-128"/>
              <a:cs typeface="+mn-cs"/>
            </a:rPr>
            <a:t>提出時のパスワードは後日連絡します。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37581</xdr:colOff>
      <xdr:row>7</xdr:row>
      <xdr:rowOff>105831</xdr:rowOff>
    </xdr:from>
    <xdr:to>
      <xdr:col>12</xdr:col>
      <xdr:colOff>470647</xdr:colOff>
      <xdr:row>14</xdr:row>
      <xdr:rowOff>30692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4283A97A-C6B0-46D9-B675-8EED13D83884}"/>
            </a:ext>
          </a:extLst>
        </xdr:cNvPr>
        <xdr:cNvSpPr txBox="1"/>
      </xdr:nvSpPr>
      <xdr:spPr>
        <a:xfrm>
          <a:off x="339287" y="2078066"/>
          <a:ext cx="7650507" cy="2278097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入力上の留意点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１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Ｎ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o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．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は通番を記入する。		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２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学科及び系列・コース等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の欄は、福祉科や総合学科などを入力する。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３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合格証書番号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は、学校番号・各学校で付与する任意番号の順に入力する。（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13-2-1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など）</a:t>
          </a: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４　受験者の氏名、ふりがな、生年月日は、正確に入力する。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５　欠席等で未受験の場合は得点欄を空白とする。（０点としない）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６　</a:t>
          </a:r>
          <a:r>
            <a:rPr kumimoji="1" lang="ja-JP" altLang="en-US" sz="1400" u="dbl">
              <a:solidFill>
                <a:schemeClr val="tx1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本様式は、</a:t>
          </a:r>
          <a:r>
            <a:rPr kumimoji="1" lang="ja-JP" altLang="en-US" sz="1400" u="dbl">
              <a:solidFill>
                <a:srgbClr val="FF0000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令和７年１月７日（火）</a:t>
          </a:r>
          <a:r>
            <a:rPr kumimoji="1" lang="ja-JP" altLang="en-US" sz="1400" u="dbl">
              <a:solidFill>
                <a:schemeClr val="tx1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までに検定本部事務局に報告する。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	</a:t>
          </a:r>
          <a:r>
            <a:rPr kumimoji="1" lang="ja-JP" altLang="en-US" sz="12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UD デジタル 教科書体 NK-B" panose="02020700000000000000" pitchFamily="18" charset="-128"/>
              <a:ea typeface="UD デジタル 教科書体 NK-B" panose="02020700000000000000" pitchFamily="18" charset="-128"/>
              <a:cs typeface="+mn-cs"/>
            </a:rPr>
            <a:t>＊厳守をお願いいたします。</a:t>
          </a:r>
          <a:endParaRPr kumimoji="1" lang="en-US" altLang="ja-JP" sz="12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７　</a:t>
          </a:r>
          <a:r>
            <a:rPr kumimoji="1" lang="ja-JP" altLang="ja-JP" sz="1400">
              <a:solidFill>
                <a:schemeClr val="dk1"/>
              </a:solidFill>
              <a:effectLst/>
              <a:latin typeface="UD デジタル 教科書体 NK-B" panose="02020700000000000000" pitchFamily="18" charset="-128"/>
              <a:ea typeface="UD デジタル 教科書体 NK-B" panose="02020700000000000000" pitchFamily="18" charset="-128"/>
              <a:cs typeface="+mn-cs"/>
            </a:rPr>
            <a:t>提出時のパスワードは後日連絡します。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37583</xdr:colOff>
      <xdr:row>7</xdr:row>
      <xdr:rowOff>105833</xdr:rowOff>
    </xdr:from>
    <xdr:to>
      <xdr:col>12</xdr:col>
      <xdr:colOff>484910</xdr:colOff>
      <xdr:row>14</xdr:row>
      <xdr:rowOff>30694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CE7E49EA-0DF7-4E9D-88E8-4B16E7251086}"/>
            </a:ext>
          </a:extLst>
        </xdr:cNvPr>
        <xdr:cNvSpPr txBox="1"/>
      </xdr:nvSpPr>
      <xdr:spPr>
        <a:xfrm>
          <a:off x="345401" y="2045469"/>
          <a:ext cx="7638282" cy="2297452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入力上の留意点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１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Ｎ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o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．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は通番を記入する。		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２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学科及び系列・コース等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の欄は、福祉科や総合学科などを入力する。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３　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合格証書番号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は、学校番号・各学校で付与する任意番号の順に入力する。（</a:t>
          </a:r>
          <a:r>
            <a:rPr kumimoji="1" lang="en-US" altLang="ja-JP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13-2-1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など）</a:t>
          </a: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４　受験者の氏名、ふりがな、生年月日は、正確に入力する。	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５　欠席等で未受験の場合は得点欄を空白とする。（０点としない）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６　</a:t>
          </a:r>
          <a:r>
            <a:rPr kumimoji="1" lang="ja-JP" altLang="en-US" sz="1400" u="dbl">
              <a:solidFill>
                <a:schemeClr val="tx1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本様式は、</a:t>
          </a:r>
          <a:r>
            <a:rPr kumimoji="1" lang="ja-JP" altLang="en-US" sz="1400" u="dbl">
              <a:solidFill>
                <a:srgbClr val="FF0000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令和７年１月７日（火）</a:t>
          </a:r>
          <a:r>
            <a:rPr kumimoji="1" lang="ja-JP" altLang="en-US" sz="1400" u="dbl">
              <a:solidFill>
                <a:schemeClr val="tx1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までに検定本部事務局に報告する。</a:t>
          </a:r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	</a:t>
          </a:r>
          <a:r>
            <a:rPr kumimoji="1" lang="ja-JP" altLang="en-US" sz="12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UD デジタル 教科書体 NK-B" panose="02020700000000000000" pitchFamily="18" charset="-128"/>
              <a:ea typeface="UD デジタル 教科書体 NK-B" panose="02020700000000000000" pitchFamily="18" charset="-128"/>
              <a:cs typeface="+mn-cs"/>
            </a:rPr>
            <a:t>＊厳守をお願いいたします。</a:t>
          </a:r>
          <a:endParaRPr kumimoji="1" lang="en-US" altLang="ja-JP" sz="12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40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７　</a:t>
          </a:r>
          <a:r>
            <a:rPr kumimoji="1" lang="ja-JP" altLang="ja-JP" sz="1400">
              <a:solidFill>
                <a:schemeClr val="dk1"/>
              </a:solidFill>
              <a:effectLst/>
              <a:latin typeface="UD デジタル 教科書体 NK-B" panose="02020700000000000000" pitchFamily="18" charset="-128"/>
              <a:ea typeface="UD デジタル 教科書体 NK-B" panose="02020700000000000000" pitchFamily="18" charset="-128"/>
              <a:cs typeface="+mn-cs"/>
            </a:rPr>
            <a:t>提出時のパスワードは後日連絡します。</a:t>
          </a:r>
          <a:endParaRPr kumimoji="1" lang="en-US" altLang="ja-JP" sz="140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2333</xdr:colOff>
      <xdr:row>0</xdr:row>
      <xdr:rowOff>119944</xdr:rowOff>
    </xdr:from>
    <xdr:to>
      <xdr:col>13</xdr:col>
      <xdr:colOff>550333</xdr:colOff>
      <xdr:row>4</xdr:row>
      <xdr:rowOff>5603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B2203E84-1EBB-4E89-9353-27C6D2FB9430}"/>
            </a:ext>
          </a:extLst>
        </xdr:cNvPr>
        <xdr:cNvSpPr txBox="1"/>
      </xdr:nvSpPr>
      <xdr:spPr>
        <a:xfrm>
          <a:off x="5746127" y="119944"/>
          <a:ext cx="4542118" cy="1135115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5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【</a:t>
          </a:r>
          <a:r>
            <a:rPr kumimoji="1" lang="ja-JP" altLang="en-US" sz="105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入力上の留意点</a:t>
          </a:r>
          <a:r>
            <a:rPr kumimoji="1" lang="en-US" altLang="ja-JP" sz="105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】</a:t>
          </a:r>
        </a:p>
        <a:p>
          <a:r>
            <a:rPr kumimoji="1" lang="ja-JP" altLang="en-US" sz="105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１　申込者数、受験者数、合格者数を学年別に入力する。</a:t>
          </a:r>
          <a:endParaRPr kumimoji="1" lang="en-US" altLang="ja-JP" sz="105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05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２　</a:t>
          </a:r>
          <a:r>
            <a:rPr kumimoji="1" lang="ja-JP" altLang="en-US" sz="1050" u="dbl">
              <a:solidFill>
                <a:schemeClr val="tx1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本様式は、</a:t>
          </a:r>
          <a:r>
            <a:rPr kumimoji="1" lang="ja-JP" altLang="en-US" sz="1050" u="dbl">
              <a:solidFill>
                <a:srgbClr val="FF0000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令和７年１月７日（火）</a:t>
          </a:r>
          <a:r>
            <a:rPr kumimoji="1" lang="ja-JP" altLang="en-US" sz="1050" u="dbl">
              <a:solidFill>
                <a:schemeClr val="tx1"/>
              </a:solidFill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までに検定本部事務局に報告する。</a:t>
          </a:r>
          <a:endParaRPr kumimoji="1" lang="en-US" altLang="ja-JP" sz="1050" u="dbl">
            <a:solidFill>
              <a:schemeClr val="tx1"/>
            </a:solidFill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UD デジタル 教科書体 NK-B" panose="02020700000000000000" pitchFamily="18" charset="-128"/>
              <a:ea typeface="UD デジタル 教科書体 NK-B" panose="02020700000000000000" pitchFamily="18" charset="-128"/>
              <a:cs typeface="+mn-cs"/>
            </a:rPr>
            <a:t>　　　　　　　　　　　　　　　　　　　　　　　　　　　　　　　　　　　　　＊厳守をお願いいたします。</a:t>
          </a:r>
          <a:endParaRPr kumimoji="1" lang="en-US" altLang="ja-JP" sz="1050" u="dbl">
            <a:solidFill>
              <a:schemeClr val="tx1"/>
            </a:solidFill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  <a:p>
          <a:r>
            <a:rPr kumimoji="1" lang="ja-JP" altLang="en-US" sz="1050">
              <a:latin typeface="UD デジタル 教科書体 NK-B" panose="02020700000000000000" pitchFamily="18" charset="-128"/>
              <a:ea typeface="UD デジタル 教科書体 NK-B" panose="02020700000000000000" pitchFamily="18" charset="-128"/>
            </a:rPr>
            <a:t>３　</a:t>
          </a:r>
          <a:r>
            <a:rPr kumimoji="1" lang="ja-JP" altLang="ja-JP" sz="1050">
              <a:solidFill>
                <a:schemeClr val="dk1"/>
              </a:solidFill>
              <a:effectLst/>
              <a:latin typeface="UD デジタル 教科書体 NK-B" panose="02020700000000000000" pitchFamily="18" charset="-128"/>
              <a:ea typeface="UD デジタル 教科書体 NK-B" panose="02020700000000000000" pitchFamily="18" charset="-128"/>
              <a:cs typeface="+mn-cs"/>
            </a:rPr>
            <a:t>提出時のパスワードは後日連絡します。</a:t>
          </a:r>
          <a:endParaRPr kumimoji="1" lang="en-US" altLang="ja-JP" sz="1050">
            <a:latin typeface="UD デジタル 教科書体 NK-B" panose="02020700000000000000" pitchFamily="18" charset="-128"/>
            <a:ea typeface="UD デジタル 教科書体 NK-B" panose="02020700000000000000" pitchFamily="18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P41"/>
  <sheetViews>
    <sheetView view="pageBreakPreview" zoomScaleNormal="60" zoomScaleSheetLayoutView="100" zoomScalePageLayoutView="80" workbookViewId="0">
      <selection activeCell="J21" sqref="J21:O26"/>
    </sheetView>
  </sheetViews>
  <sheetFormatPr defaultColWidth="8.875" defaultRowHeight="15"/>
  <cols>
    <col min="1" max="1" width="2.625" style="1" customWidth="1"/>
    <col min="2" max="2" width="6.625" style="1" customWidth="1"/>
    <col min="3" max="3" width="13.625" style="1" customWidth="1"/>
    <col min="4" max="7" width="10.625" style="1" customWidth="1"/>
    <col min="8" max="9" width="6.625" style="1" customWidth="1"/>
    <col min="10" max="10" width="6.5" style="1" customWidth="1"/>
    <col min="11" max="11" width="13.625" style="1" customWidth="1"/>
    <col min="12" max="15" width="10.625" style="1" customWidth="1"/>
    <col min="16" max="16" width="2.625" style="1" customWidth="1"/>
    <col min="17" max="16384" width="8.875" style="1"/>
  </cols>
  <sheetData>
    <row r="1" spans="2:15">
      <c r="H1" s="2"/>
    </row>
    <row r="2" spans="2:15">
      <c r="B2" s="1" t="s">
        <v>10</v>
      </c>
      <c r="H2" s="2"/>
      <c r="J2" s="1" t="s">
        <v>8</v>
      </c>
    </row>
    <row r="3" spans="2:15" ht="17.649999999999999" customHeight="1">
      <c r="B3" s="24" t="s">
        <v>63</v>
      </c>
      <c r="C3" s="24"/>
      <c r="D3" s="24"/>
      <c r="E3" s="24"/>
      <c r="F3" s="24"/>
      <c r="G3" s="24"/>
      <c r="H3" s="2"/>
      <c r="J3" s="34" t="s">
        <v>64</v>
      </c>
      <c r="K3" s="34"/>
      <c r="L3" s="34"/>
      <c r="M3" s="34"/>
      <c r="N3" s="34"/>
      <c r="O3" s="34"/>
    </row>
    <row r="4" spans="2:15">
      <c r="B4" s="24"/>
      <c r="C4" s="24"/>
      <c r="D4" s="24"/>
      <c r="E4" s="24"/>
      <c r="F4" s="24"/>
      <c r="G4" s="24"/>
      <c r="H4" s="2"/>
      <c r="J4" s="34"/>
      <c r="K4" s="34"/>
      <c r="L4" s="34"/>
      <c r="M4" s="34"/>
      <c r="N4" s="34"/>
      <c r="O4" s="34"/>
    </row>
    <row r="5" spans="2:15">
      <c r="B5" s="24"/>
      <c r="C5" s="24"/>
      <c r="D5" s="24"/>
      <c r="E5" s="24"/>
      <c r="F5" s="24"/>
      <c r="G5" s="24"/>
      <c r="H5" s="2"/>
      <c r="J5" s="34"/>
      <c r="K5" s="34"/>
      <c r="L5" s="34"/>
      <c r="M5" s="34"/>
      <c r="N5" s="34"/>
      <c r="O5" s="34"/>
    </row>
    <row r="6" spans="2:15">
      <c r="B6" s="24"/>
      <c r="C6" s="24"/>
      <c r="D6" s="24"/>
      <c r="E6" s="24"/>
      <c r="F6" s="24"/>
      <c r="G6" s="24"/>
      <c r="H6" s="2"/>
      <c r="J6" s="34"/>
      <c r="K6" s="34"/>
      <c r="L6" s="34"/>
      <c r="M6" s="34"/>
      <c r="N6" s="34"/>
      <c r="O6" s="34"/>
    </row>
    <row r="7" spans="2:15">
      <c r="B7" s="23"/>
      <c r="C7" s="23"/>
      <c r="D7" s="3" t="s">
        <v>0</v>
      </c>
      <c r="E7" s="3" t="s">
        <v>1</v>
      </c>
      <c r="F7" s="3" t="s">
        <v>2</v>
      </c>
      <c r="G7" s="3" t="s">
        <v>4</v>
      </c>
      <c r="H7" s="4"/>
      <c r="I7" s="5"/>
      <c r="J7" s="23"/>
      <c r="K7" s="23"/>
      <c r="L7" s="3" t="s">
        <v>0</v>
      </c>
      <c r="M7" s="3" t="s">
        <v>1</v>
      </c>
      <c r="N7" s="3" t="s">
        <v>2</v>
      </c>
      <c r="O7" s="3" t="s">
        <v>4</v>
      </c>
    </row>
    <row r="8" spans="2:15">
      <c r="B8" s="23" t="s">
        <v>7</v>
      </c>
      <c r="C8" s="23"/>
      <c r="D8" s="3" t="s">
        <v>5</v>
      </c>
      <c r="E8" s="3" t="s">
        <v>5</v>
      </c>
      <c r="F8" s="3" t="s">
        <v>5</v>
      </c>
      <c r="G8" s="3" t="s">
        <v>31</v>
      </c>
      <c r="H8" s="4"/>
      <c r="I8" s="5"/>
      <c r="J8" s="23" t="s">
        <v>7</v>
      </c>
      <c r="K8" s="23"/>
      <c r="L8" s="3" t="s">
        <v>5</v>
      </c>
      <c r="M8" s="3" t="s">
        <v>5</v>
      </c>
      <c r="N8" s="3" t="s">
        <v>5</v>
      </c>
      <c r="O8" s="3" t="s">
        <v>31</v>
      </c>
    </row>
    <row r="9" spans="2:15" ht="13.5" customHeight="1">
      <c r="B9" s="27" t="s">
        <v>34</v>
      </c>
      <c r="C9" s="27"/>
      <c r="D9" s="23"/>
      <c r="E9" s="23"/>
      <c r="F9" s="28"/>
      <c r="G9" s="28"/>
      <c r="H9" s="4"/>
      <c r="I9" s="5"/>
      <c r="J9" s="27" t="s">
        <v>33</v>
      </c>
      <c r="K9" s="27"/>
      <c r="L9" s="23"/>
      <c r="M9" s="23"/>
      <c r="N9" s="28"/>
      <c r="O9" s="28"/>
    </row>
    <row r="10" spans="2:15">
      <c r="B10" s="27"/>
      <c r="C10" s="27"/>
      <c r="D10" s="23"/>
      <c r="E10" s="23"/>
      <c r="F10" s="28"/>
      <c r="G10" s="28"/>
      <c r="H10" s="4"/>
      <c r="I10" s="5"/>
      <c r="J10" s="27"/>
      <c r="K10" s="27"/>
      <c r="L10" s="23"/>
      <c r="M10" s="23"/>
      <c r="N10" s="28"/>
      <c r="O10" s="28"/>
    </row>
    <row r="11" spans="2:15">
      <c r="B11" s="27"/>
      <c r="C11" s="27"/>
      <c r="D11" s="23"/>
      <c r="E11" s="23"/>
      <c r="F11" s="28"/>
      <c r="G11" s="28"/>
      <c r="H11" s="4"/>
      <c r="I11" s="5"/>
      <c r="J11" s="27"/>
      <c r="K11" s="27"/>
      <c r="L11" s="23"/>
      <c r="M11" s="23"/>
      <c r="N11" s="28"/>
      <c r="O11" s="28"/>
    </row>
    <row r="12" spans="2:15">
      <c r="B12" s="27"/>
      <c r="C12" s="27"/>
      <c r="D12" s="23"/>
      <c r="E12" s="23"/>
      <c r="F12" s="28"/>
      <c r="G12" s="28"/>
      <c r="H12" s="4"/>
      <c r="I12" s="5"/>
      <c r="J12" s="27"/>
      <c r="K12" s="27"/>
      <c r="L12" s="23"/>
      <c r="M12" s="23"/>
      <c r="N12" s="28"/>
      <c r="O12" s="28"/>
    </row>
    <row r="13" spans="2:15">
      <c r="B13" s="27"/>
      <c r="C13" s="27"/>
      <c r="D13" s="23"/>
      <c r="E13" s="23"/>
      <c r="F13" s="28"/>
      <c r="G13" s="28"/>
      <c r="H13" s="4"/>
      <c r="I13" s="5"/>
      <c r="J13" s="27"/>
      <c r="K13" s="27"/>
      <c r="L13" s="23"/>
      <c r="M13" s="23"/>
      <c r="N13" s="28"/>
      <c r="O13" s="28"/>
    </row>
    <row r="14" spans="2:15" ht="18" customHeight="1">
      <c r="B14" s="25" t="s">
        <v>26</v>
      </c>
      <c r="C14" s="25"/>
      <c r="D14" s="23"/>
      <c r="E14" s="23"/>
      <c r="F14" s="23"/>
      <c r="G14" s="23"/>
      <c r="H14" s="4"/>
      <c r="I14" s="5"/>
      <c r="J14" s="26" t="s">
        <v>32</v>
      </c>
      <c r="K14" s="26"/>
      <c r="L14" s="28"/>
      <c r="M14" s="28"/>
      <c r="N14" s="28"/>
      <c r="O14" s="28"/>
    </row>
    <row r="15" spans="2:15" ht="18" customHeight="1">
      <c r="B15" s="25"/>
      <c r="C15" s="25"/>
      <c r="D15" s="23"/>
      <c r="E15" s="23"/>
      <c r="F15" s="23"/>
      <c r="G15" s="23"/>
      <c r="H15" s="4"/>
      <c r="I15" s="5"/>
      <c r="J15" s="26"/>
      <c r="K15" s="26"/>
      <c r="L15" s="28"/>
      <c r="M15" s="28"/>
      <c r="N15" s="28"/>
      <c r="O15" s="28"/>
    </row>
    <row r="16" spans="2:15" ht="18" customHeight="1">
      <c r="B16" s="23" t="s">
        <v>27</v>
      </c>
      <c r="C16" s="23"/>
      <c r="D16" s="23"/>
      <c r="E16" s="23"/>
      <c r="F16" s="23"/>
      <c r="G16" s="23"/>
      <c r="H16" s="4"/>
      <c r="I16" s="5"/>
      <c r="J16" s="26" t="s">
        <v>30</v>
      </c>
      <c r="K16" s="26"/>
      <c r="L16" s="26" t="s">
        <v>25</v>
      </c>
      <c r="M16" s="26"/>
      <c r="N16" s="26"/>
      <c r="O16" s="26"/>
    </row>
    <row r="17" spans="2:16" ht="18" customHeight="1">
      <c r="B17" s="23"/>
      <c r="C17" s="23"/>
      <c r="D17" s="23"/>
      <c r="E17" s="23"/>
      <c r="F17" s="23"/>
      <c r="G17" s="23"/>
      <c r="H17" s="4"/>
      <c r="I17" s="5"/>
      <c r="J17" s="26"/>
      <c r="K17" s="26"/>
      <c r="L17" s="26"/>
      <c r="M17" s="26"/>
      <c r="N17" s="26"/>
      <c r="O17" s="26"/>
    </row>
    <row r="18" spans="2:16" ht="18" customHeight="1">
      <c r="B18" s="31" t="s">
        <v>28</v>
      </c>
      <c r="C18" s="31"/>
      <c r="D18" s="31"/>
      <c r="E18" s="31"/>
      <c r="F18" s="31"/>
      <c r="G18" s="31"/>
      <c r="H18" s="2"/>
      <c r="J18" s="31" t="s">
        <v>24</v>
      </c>
      <c r="K18" s="31"/>
      <c r="L18" s="31"/>
      <c r="M18" s="31"/>
      <c r="N18" s="31"/>
      <c r="O18" s="31"/>
    </row>
    <row r="19" spans="2:16" ht="18" customHeight="1">
      <c r="B19" s="31"/>
      <c r="C19" s="31"/>
      <c r="D19" s="31"/>
      <c r="E19" s="31"/>
      <c r="F19" s="31"/>
      <c r="G19" s="31"/>
      <c r="H19" s="2"/>
      <c r="J19" s="31"/>
      <c r="K19" s="31"/>
      <c r="L19" s="31"/>
      <c r="M19" s="31"/>
      <c r="N19" s="31"/>
      <c r="O19" s="31"/>
    </row>
    <row r="20" spans="2:16" ht="18" customHeight="1">
      <c r="B20" s="31"/>
      <c r="C20" s="31"/>
      <c r="D20" s="31"/>
      <c r="E20" s="31"/>
      <c r="F20" s="31"/>
      <c r="G20" s="31"/>
      <c r="H20" s="2"/>
      <c r="J20" s="31"/>
      <c r="K20" s="31"/>
      <c r="L20" s="31"/>
      <c r="M20" s="31"/>
      <c r="N20" s="31"/>
      <c r="O20" s="31"/>
    </row>
    <row r="21" spans="2:16" ht="18" customHeight="1">
      <c r="B21" s="26" t="s">
        <v>29</v>
      </c>
      <c r="C21" s="26"/>
      <c r="D21" s="26" t="s">
        <v>61</v>
      </c>
      <c r="E21" s="26"/>
      <c r="F21" s="26"/>
      <c r="G21" s="26"/>
      <c r="H21" s="2"/>
      <c r="J21" s="29" t="s">
        <v>65</v>
      </c>
      <c r="K21" s="30"/>
      <c r="L21" s="30"/>
      <c r="M21" s="30"/>
      <c r="N21" s="30"/>
      <c r="O21" s="30"/>
    </row>
    <row r="22" spans="2:16" ht="18" customHeight="1">
      <c r="B22" s="26"/>
      <c r="C22" s="26"/>
      <c r="D22" s="26"/>
      <c r="E22" s="26"/>
      <c r="F22" s="26"/>
      <c r="G22" s="26"/>
      <c r="H22" s="2"/>
      <c r="J22" s="30"/>
      <c r="K22" s="30"/>
      <c r="L22" s="30"/>
      <c r="M22" s="30"/>
      <c r="N22" s="30"/>
      <c r="O22" s="30"/>
    </row>
    <row r="23" spans="2:16" ht="18" customHeight="1">
      <c r="B23" s="26" t="s">
        <v>30</v>
      </c>
      <c r="C23" s="26"/>
      <c r="D23" s="26" t="s">
        <v>62</v>
      </c>
      <c r="E23" s="26"/>
      <c r="F23" s="26"/>
      <c r="G23" s="26"/>
      <c r="H23" s="2"/>
      <c r="J23" s="30"/>
      <c r="K23" s="30"/>
      <c r="L23" s="30"/>
      <c r="M23" s="30"/>
      <c r="N23" s="30"/>
      <c r="O23" s="30"/>
    </row>
    <row r="24" spans="2:16" ht="18" customHeight="1">
      <c r="B24" s="26"/>
      <c r="C24" s="26"/>
      <c r="D24" s="26"/>
      <c r="E24" s="26"/>
      <c r="F24" s="26"/>
      <c r="G24" s="26"/>
      <c r="H24" s="2"/>
      <c r="J24" s="30"/>
      <c r="K24" s="30"/>
      <c r="L24" s="30"/>
      <c r="M24" s="30"/>
      <c r="N24" s="30"/>
      <c r="O24" s="30"/>
    </row>
    <row r="25" spans="2:16" ht="18" customHeight="1">
      <c r="B25" s="26" t="s">
        <v>32</v>
      </c>
      <c r="C25" s="26"/>
      <c r="D25" s="32"/>
      <c r="E25" s="32"/>
      <c r="F25" s="32"/>
      <c r="G25" s="32"/>
      <c r="H25" s="2"/>
      <c r="J25" s="30"/>
      <c r="K25" s="30"/>
      <c r="L25" s="30"/>
      <c r="M25" s="30"/>
      <c r="N25" s="30"/>
      <c r="O25" s="30"/>
    </row>
    <row r="26" spans="2:16" ht="18" customHeight="1">
      <c r="B26" s="26"/>
      <c r="C26" s="26"/>
      <c r="D26" s="32"/>
      <c r="E26" s="32"/>
      <c r="F26" s="32"/>
      <c r="G26" s="32"/>
      <c r="H26" s="2"/>
      <c r="J26" s="30"/>
      <c r="K26" s="30"/>
      <c r="L26" s="30"/>
      <c r="M26" s="30"/>
      <c r="N26" s="30"/>
      <c r="O26" s="30"/>
    </row>
    <row r="27" spans="2:16">
      <c r="C27" s="6"/>
      <c r="D27" s="6"/>
      <c r="E27" s="6"/>
      <c r="F27" s="6"/>
      <c r="G27" s="6"/>
      <c r="H27" s="7"/>
      <c r="I27" s="8"/>
      <c r="K27" s="6"/>
      <c r="L27" s="6"/>
      <c r="M27" s="6"/>
      <c r="N27" s="6"/>
      <c r="O27" s="6"/>
    </row>
    <row r="28" spans="2:16">
      <c r="B28" s="9" t="s">
        <v>6</v>
      </c>
      <c r="C28" s="10"/>
      <c r="D28" s="10"/>
      <c r="E28" s="10"/>
      <c r="F28" s="10"/>
      <c r="G28" s="6"/>
      <c r="H28" s="7"/>
      <c r="I28" s="8"/>
      <c r="J28" s="9"/>
      <c r="K28" s="10"/>
      <c r="L28" s="10"/>
      <c r="M28" s="10"/>
      <c r="N28" s="10"/>
      <c r="O28" s="6"/>
    </row>
    <row r="29" spans="2:16">
      <c r="B29" s="9" t="s">
        <v>9</v>
      </c>
      <c r="D29" s="9"/>
      <c r="E29" s="9"/>
      <c r="F29" s="6"/>
      <c r="G29" s="6"/>
      <c r="H29" s="7"/>
      <c r="I29" s="8"/>
      <c r="J29" s="9"/>
      <c r="L29" s="9"/>
      <c r="M29" s="9"/>
      <c r="N29" s="6"/>
      <c r="O29" s="6"/>
    </row>
    <row r="30" spans="2:16">
      <c r="B30" s="9" t="s">
        <v>11</v>
      </c>
      <c r="D30" s="9"/>
      <c r="E30" s="9"/>
      <c r="F30" s="9"/>
      <c r="G30" s="9"/>
      <c r="H30" s="11"/>
      <c r="I30" s="12"/>
      <c r="J30" s="9"/>
      <c r="L30" s="9"/>
      <c r="M30" s="9"/>
      <c r="N30" s="9"/>
      <c r="O30" s="9"/>
      <c r="P30" s="5"/>
    </row>
    <row r="31" spans="2:16">
      <c r="B31" s="9" t="s">
        <v>12</v>
      </c>
      <c r="D31" s="9"/>
      <c r="E31" s="9"/>
      <c r="F31" s="9"/>
      <c r="G31" s="9"/>
      <c r="H31" s="4"/>
      <c r="I31" s="5"/>
      <c r="J31" s="9"/>
      <c r="L31" s="9"/>
      <c r="M31" s="9"/>
      <c r="N31" s="9"/>
      <c r="O31" s="9"/>
      <c r="P31" s="5"/>
    </row>
    <row r="32" spans="2:16">
      <c r="B32" s="9" t="s">
        <v>35</v>
      </c>
      <c r="D32" s="5"/>
      <c r="E32" s="5"/>
      <c r="F32" s="5"/>
      <c r="G32" s="5"/>
      <c r="H32" s="4"/>
      <c r="I32" s="5"/>
      <c r="J32" s="9"/>
      <c r="L32" s="5"/>
      <c r="M32" s="5"/>
      <c r="N32" s="5"/>
      <c r="O32" s="5"/>
      <c r="P32" s="5"/>
    </row>
    <row r="33" spans="4:16">
      <c r="D33" s="5"/>
      <c r="E33" s="5"/>
      <c r="F33" s="5"/>
      <c r="G33" s="5"/>
      <c r="H33" s="13"/>
      <c r="I33" s="5"/>
      <c r="L33" s="5"/>
      <c r="M33" s="5"/>
      <c r="N33" s="5"/>
      <c r="O33" s="5"/>
      <c r="P33" s="5"/>
    </row>
    <row r="34" spans="4:16">
      <c r="H34" s="33"/>
      <c r="I34" s="33"/>
      <c r="J34" s="33"/>
    </row>
    <row r="35" spans="4:16">
      <c r="H35" s="33"/>
      <c r="I35" s="33"/>
      <c r="J35" s="33"/>
    </row>
    <row r="36" spans="4:16">
      <c r="H36" s="33"/>
      <c r="I36" s="33"/>
      <c r="J36" s="33"/>
    </row>
    <row r="37" spans="4:16">
      <c r="H37" s="33"/>
      <c r="I37" s="33"/>
      <c r="J37" s="33"/>
    </row>
    <row r="38" spans="4:16">
      <c r="H38" s="33"/>
      <c r="I38" s="33"/>
      <c r="J38" s="33"/>
    </row>
    <row r="39" spans="4:16">
      <c r="H39" s="33"/>
      <c r="I39" s="33"/>
      <c r="J39" s="33"/>
    </row>
    <row r="40" spans="4:16">
      <c r="H40" s="33"/>
      <c r="I40" s="33"/>
      <c r="J40" s="33"/>
    </row>
    <row r="41" spans="4:16">
      <c r="H41" s="33"/>
      <c r="I41" s="33"/>
      <c r="J41" s="33"/>
    </row>
  </sheetData>
  <mergeCells count="43">
    <mergeCell ref="O9:O13"/>
    <mergeCell ref="J3:O6"/>
    <mergeCell ref="L14:O15"/>
    <mergeCell ref="L16:O17"/>
    <mergeCell ref="L18:O20"/>
    <mergeCell ref="L9:L13"/>
    <mergeCell ref="M9:M13"/>
    <mergeCell ref="N9:N13"/>
    <mergeCell ref="H38:J38"/>
    <mergeCell ref="H39:J39"/>
    <mergeCell ref="H40:J40"/>
    <mergeCell ref="H41:J41"/>
    <mergeCell ref="H34:J34"/>
    <mergeCell ref="H35:J35"/>
    <mergeCell ref="H36:J36"/>
    <mergeCell ref="H37:J37"/>
    <mergeCell ref="J21:O26"/>
    <mergeCell ref="B16:C17"/>
    <mergeCell ref="J16:K17"/>
    <mergeCell ref="B18:C20"/>
    <mergeCell ref="J18:K20"/>
    <mergeCell ref="D16:G17"/>
    <mergeCell ref="D18:G20"/>
    <mergeCell ref="B21:C22"/>
    <mergeCell ref="B23:C24"/>
    <mergeCell ref="B25:C26"/>
    <mergeCell ref="D21:G22"/>
    <mergeCell ref="D23:G24"/>
    <mergeCell ref="D25:G26"/>
    <mergeCell ref="B14:C15"/>
    <mergeCell ref="J14:K15"/>
    <mergeCell ref="B9:C13"/>
    <mergeCell ref="D9:D13"/>
    <mergeCell ref="E9:E13"/>
    <mergeCell ref="F9:F13"/>
    <mergeCell ref="J9:K13"/>
    <mergeCell ref="G9:G13"/>
    <mergeCell ref="D14:G15"/>
    <mergeCell ref="B7:C7"/>
    <mergeCell ref="J7:K7"/>
    <mergeCell ref="B8:C8"/>
    <mergeCell ref="J8:K8"/>
    <mergeCell ref="B3:G6"/>
  </mergeCells>
  <phoneticPr fontId="1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AA101"/>
  <sheetViews>
    <sheetView view="pageBreakPreview" zoomScale="85" zoomScaleNormal="100" zoomScaleSheetLayoutView="85" workbookViewId="0">
      <selection activeCell="B1" sqref="B1:AA1"/>
    </sheetView>
  </sheetViews>
  <sheetFormatPr defaultColWidth="8.875" defaultRowHeight="15.75"/>
  <cols>
    <col min="1" max="1" width="2.625" style="16" customWidth="1"/>
    <col min="2" max="2" width="11.125" style="16" customWidth="1"/>
    <col min="3" max="4" width="9.5" style="16" customWidth="1"/>
    <col min="5" max="5" width="5" style="16" customWidth="1"/>
    <col min="6" max="15" width="8.625" style="16" customWidth="1"/>
    <col min="16" max="24" width="8.875" style="16"/>
    <col min="25" max="28" width="3.625" style="16" customWidth="1"/>
    <col min="29" max="16384" width="8.875" style="16"/>
  </cols>
  <sheetData>
    <row r="1" spans="1:27" s="19" customFormat="1" ht="26.25">
      <c r="B1" s="50" t="s">
        <v>36</v>
      </c>
      <c r="C1" s="50"/>
      <c r="D1" s="50"/>
      <c r="E1" s="50"/>
      <c r="F1" s="50"/>
      <c r="G1" s="50"/>
      <c r="H1" s="50"/>
      <c r="I1" s="50"/>
      <c r="J1" s="50"/>
      <c r="K1" s="50"/>
      <c r="L1" s="50"/>
      <c r="M1" s="50"/>
      <c r="N1" s="50"/>
      <c r="O1" s="50"/>
      <c r="P1" s="50"/>
      <c r="Q1" s="50"/>
      <c r="R1" s="50"/>
      <c r="S1" s="50"/>
      <c r="T1" s="50"/>
      <c r="U1" s="50"/>
      <c r="V1" s="50"/>
      <c r="W1" s="50"/>
      <c r="X1" s="50"/>
      <c r="Y1" s="50"/>
      <c r="Z1" s="50"/>
      <c r="AA1" s="50"/>
    </row>
    <row r="2" spans="1:27" s="19" customFormat="1" ht="26.25">
      <c r="B2" s="50" t="s">
        <v>13</v>
      </c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  <c r="T2" s="50"/>
      <c r="U2" s="50"/>
      <c r="V2" s="50"/>
      <c r="W2" s="50"/>
      <c r="X2" s="50"/>
      <c r="Y2" s="50"/>
      <c r="Z2" s="50"/>
      <c r="AA2" s="50"/>
    </row>
    <row r="3" spans="1:27" s="19" customFormat="1" ht="26.25">
      <c r="B3" s="50" t="s">
        <v>66</v>
      </c>
      <c r="C3" s="50"/>
      <c r="D3" s="50"/>
      <c r="E3" s="50"/>
      <c r="F3" s="50"/>
      <c r="G3" s="50"/>
      <c r="H3" s="50"/>
      <c r="I3" s="50"/>
      <c r="J3" s="50"/>
      <c r="K3" s="50"/>
      <c r="L3" s="50"/>
      <c r="M3" s="50"/>
      <c r="N3" s="50"/>
      <c r="O3" s="50"/>
      <c r="P3" s="50"/>
      <c r="Q3" s="50"/>
      <c r="R3" s="50"/>
      <c r="S3" s="50"/>
      <c r="T3" s="50"/>
      <c r="U3" s="50"/>
      <c r="V3" s="50"/>
      <c r="W3" s="50"/>
      <c r="X3" s="50"/>
      <c r="Y3" s="50"/>
      <c r="Z3" s="50"/>
      <c r="AA3" s="50"/>
    </row>
    <row r="5" spans="1:27" ht="29.45" customHeight="1">
      <c r="B5" s="47" t="s">
        <v>14</v>
      </c>
      <c r="C5" s="48"/>
      <c r="D5" s="48"/>
      <c r="E5" s="49"/>
      <c r="F5" s="47" t="s">
        <v>37</v>
      </c>
      <c r="G5" s="48"/>
      <c r="H5" s="48"/>
      <c r="I5" s="48"/>
      <c r="J5" s="48"/>
      <c r="K5" s="48"/>
      <c r="L5" s="48"/>
      <c r="M5" s="48"/>
      <c r="N5" s="48"/>
      <c r="O5" s="48"/>
      <c r="P5" s="48"/>
      <c r="Q5" s="48"/>
      <c r="R5" s="48"/>
      <c r="S5" s="49"/>
      <c r="U5" s="55" t="s">
        <v>15</v>
      </c>
      <c r="V5" s="55"/>
      <c r="W5" s="55"/>
      <c r="X5" s="55"/>
    </row>
    <row r="6" spans="1:27" ht="14.25" customHeight="1">
      <c r="B6" s="52"/>
      <c r="C6" s="53"/>
      <c r="D6" s="53"/>
      <c r="E6" s="54"/>
      <c r="F6" s="35"/>
      <c r="G6" s="36"/>
      <c r="H6" s="36"/>
      <c r="I6" s="36"/>
      <c r="J6" s="36"/>
      <c r="K6" s="36"/>
      <c r="L6" s="36"/>
      <c r="M6" s="36"/>
      <c r="N6" s="36"/>
      <c r="O6" s="36"/>
      <c r="P6" s="36"/>
      <c r="Q6" s="36"/>
      <c r="R6" s="36"/>
      <c r="S6" s="37"/>
      <c r="U6" s="51" t="s">
        <v>54</v>
      </c>
      <c r="V6" s="51"/>
      <c r="W6" s="51"/>
      <c r="X6" s="51"/>
    </row>
    <row r="7" spans="1:27" ht="17.100000000000001" customHeight="1">
      <c r="B7" s="52"/>
      <c r="C7" s="53"/>
      <c r="D7" s="53"/>
      <c r="E7" s="54"/>
      <c r="F7" s="35"/>
      <c r="G7" s="36"/>
      <c r="H7" s="36"/>
      <c r="I7" s="36"/>
      <c r="J7" s="36"/>
      <c r="K7" s="36"/>
      <c r="L7" s="36"/>
      <c r="M7" s="36"/>
      <c r="N7" s="36"/>
      <c r="O7" s="36"/>
      <c r="P7" s="36"/>
      <c r="Q7" s="36"/>
      <c r="R7" s="36"/>
      <c r="S7" s="37"/>
      <c r="U7" s="51"/>
      <c r="V7" s="51"/>
      <c r="W7" s="51"/>
      <c r="X7" s="51"/>
    </row>
    <row r="8" spans="1:27" ht="30.95" customHeight="1">
      <c r="E8" s="17"/>
      <c r="F8" s="17"/>
      <c r="G8" s="17"/>
      <c r="H8" s="17"/>
      <c r="I8" s="17"/>
      <c r="J8" s="17"/>
      <c r="K8" s="17"/>
      <c r="L8" s="17"/>
      <c r="M8" s="17"/>
      <c r="N8" s="17"/>
      <c r="O8" s="17"/>
      <c r="P8" s="17"/>
      <c r="Q8" s="17"/>
      <c r="R8" s="17"/>
      <c r="S8" s="17"/>
      <c r="U8" s="51" t="s">
        <v>16</v>
      </c>
      <c r="V8" s="51"/>
      <c r="W8" s="47"/>
      <c r="X8" s="49"/>
    </row>
    <row r="9" spans="1:27" ht="33.6" customHeight="1">
      <c r="E9" s="17"/>
      <c r="F9" s="17"/>
      <c r="G9" s="17"/>
      <c r="H9" s="17"/>
      <c r="I9" s="17"/>
      <c r="J9" s="17"/>
      <c r="K9" s="17"/>
      <c r="L9" s="17"/>
      <c r="M9" s="17"/>
      <c r="N9" s="17"/>
      <c r="O9" s="17"/>
      <c r="P9" s="17"/>
      <c r="Q9" s="17"/>
      <c r="R9" s="17"/>
      <c r="S9" s="17"/>
      <c r="U9" s="47" t="s">
        <v>17</v>
      </c>
      <c r="V9" s="49"/>
      <c r="W9" s="47"/>
      <c r="X9" s="49"/>
      <c r="Y9" s="17"/>
      <c r="Z9" s="17"/>
    </row>
    <row r="10" spans="1:27" ht="30" customHeight="1">
      <c r="E10" s="17"/>
      <c r="F10" s="17"/>
      <c r="G10" s="17"/>
      <c r="H10" s="17"/>
      <c r="I10" s="17"/>
      <c r="J10" s="17"/>
      <c r="K10" s="17"/>
      <c r="L10" s="17"/>
      <c r="M10" s="17"/>
      <c r="N10" s="17"/>
      <c r="O10" s="17"/>
      <c r="P10" s="17"/>
      <c r="Q10" s="17"/>
      <c r="R10" s="17"/>
      <c r="S10" s="17"/>
      <c r="Y10" s="17"/>
      <c r="Z10" s="17"/>
    </row>
    <row r="11" spans="1:27" ht="30" customHeight="1">
      <c r="E11" s="17"/>
      <c r="F11" s="17"/>
      <c r="G11" s="17"/>
      <c r="H11" s="17"/>
      <c r="I11" s="17"/>
      <c r="J11" s="17"/>
      <c r="K11" s="17"/>
      <c r="L11" s="17"/>
      <c r="M11" s="17"/>
      <c r="N11" s="17"/>
      <c r="O11" s="17"/>
      <c r="P11" s="17"/>
      <c r="Q11" s="17"/>
      <c r="R11" s="17"/>
      <c r="S11" s="17"/>
      <c r="Y11" s="17"/>
      <c r="Z11" s="17"/>
    </row>
    <row r="12" spans="1:27" ht="30" customHeight="1">
      <c r="E12" s="17"/>
      <c r="F12" s="17"/>
      <c r="G12" s="17"/>
      <c r="H12" s="17"/>
      <c r="I12" s="17"/>
      <c r="J12" s="17"/>
      <c r="K12" s="17"/>
      <c r="L12" s="17"/>
      <c r="M12" s="17"/>
      <c r="N12" s="17"/>
      <c r="O12" s="17"/>
      <c r="P12" s="17"/>
      <c r="Q12" s="17"/>
      <c r="R12" s="17"/>
      <c r="S12" s="17"/>
      <c r="Y12" s="17"/>
      <c r="Z12" s="17"/>
    </row>
    <row r="13" spans="1:27">
      <c r="E13" s="17"/>
      <c r="F13" s="17"/>
      <c r="G13" s="17"/>
      <c r="H13" s="17"/>
      <c r="I13" s="17"/>
      <c r="J13" s="17"/>
      <c r="K13" s="17"/>
      <c r="L13" s="17"/>
      <c r="M13" s="17"/>
      <c r="N13" s="17"/>
      <c r="O13" s="17"/>
      <c r="P13" s="17"/>
      <c r="Q13" s="17"/>
      <c r="R13" s="17"/>
      <c r="S13" s="17"/>
      <c r="U13" s="17"/>
      <c r="V13" s="17"/>
    </row>
    <row r="14" spans="1:27">
      <c r="E14" s="17"/>
      <c r="F14" s="17"/>
      <c r="G14" s="17"/>
      <c r="H14" s="17"/>
      <c r="I14" s="17"/>
      <c r="J14" s="17"/>
      <c r="K14" s="17"/>
      <c r="L14" s="17"/>
      <c r="M14" s="17"/>
      <c r="N14" s="17"/>
      <c r="O14" s="17"/>
      <c r="P14" s="17"/>
      <c r="Q14" s="17"/>
      <c r="R14" s="17"/>
      <c r="S14" s="17"/>
      <c r="U14" s="17"/>
      <c r="V14" s="17"/>
    </row>
    <row r="16" spans="1:27" ht="22.5" customHeight="1">
      <c r="A16" s="17"/>
      <c r="B16" s="18" t="s">
        <v>38</v>
      </c>
      <c r="C16" s="38" t="s">
        <v>18</v>
      </c>
      <c r="D16" s="39"/>
      <c r="E16" s="40"/>
      <c r="F16" s="38" t="s">
        <v>19</v>
      </c>
      <c r="G16" s="39"/>
      <c r="H16" s="39"/>
      <c r="I16" s="39"/>
      <c r="J16" s="40"/>
      <c r="K16" s="38" t="s">
        <v>20</v>
      </c>
      <c r="L16" s="39"/>
      <c r="M16" s="39"/>
      <c r="N16" s="39"/>
      <c r="O16" s="40"/>
      <c r="P16" s="18" t="s">
        <v>21</v>
      </c>
      <c r="Q16" s="38" t="s">
        <v>40</v>
      </c>
      <c r="R16" s="39"/>
      <c r="S16" s="40"/>
      <c r="T16" s="18" t="s">
        <v>22</v>
      </c>
      <c r="U16" s="18" t="s">
        <v>23</v>
      </c>
      <c r="V16" s="44" t="s">
        <v>39</v>
      </c>
      <c r="W16" s="45"/>
      <c r="X16" s="45"/>
      <c r="Y16" s="45"/>
      <c r="Z16" s="45"/>
      <c r="AA16" s="46"/>
    </row>
    <row r="17" spans="2:27" ht="24.95" customHeight="1">
      <c r="B17" s="15">
        <v>1</v>
      </c>
      <c r="C17" s="35"/>
      <c r="D17" s="36"/>
      <c r="E17" s="37"/>
      <c r="F17" s="38"/>
      <c r="G17" s="39"/>
      <c r="H17" s="39"/>
      <c r="I17" s="39"/>
      <c r="J17" s="40"/>
      <c r="K17" s="38"/>
      <c r="L17" s="39"/>
      <c r="M17" s="39"/>
      <c r="N17" s="39"/>
      <c r="O17" s="40"/>
      <c r="P17" s="15"/>
      <c r="Q17" s="35"/>
      <c r="R17" s="36"/>
      <c r="S17" s="37"/>
      <c r="T17" s="15"/>
      <c r="U17" s="14" t="str">
        <f>IF(ISBLANK($T17),"",IF(T17&gt;=70,"合","否"))</f>
        <v/>
      </c>
      <c r="V17" s="41"/>
      <c r="W17" s="42"/>
      <c r="X17" s="42"/>
      <c r="Y17" s="42"/>
      <c r="Z17" s="42"/>
      <c r="AA17" s="43"/>
    </row>
    <row r="18" spans="2:27" ht="24.95" customHeight="1">
      <c r="B18" s="15">
        <v>2</v>
      </c>
      <c r="C18" s="35"/>
      <c r="D18" s="36"/>
      <c r="E18" s="37"/>
      <c r="F18" s="38"/>
      <c r="G18" s="39"/>
      <c r="H18" s="39"/>
      <c r="I18" s="39"/>
      <c r="J18" s="40"/>
      <c r="K18" s="38"/>
      <c r="L18" s="39"/>
      <c r="M18" s="39"/>
      <c r="N18" s="39"/>
      <c r="O18" s="40"/>
      <c r="P18" s="15"/>
      <c r="Q18" s="35"/>
      <c r="R18" s="36"/>
      <c r="S18" s="37"/>
      <c r="T18" s="15"/>
      <c r="U18" s="14" t="str">
        <f t="shared" ref="U18:U55" si="0">IF(ISBLANK($T18),"",IF(T18&gt;=70,"合","否"))</f>
        <v/>
      </c>
      <c r="V18" s="41"/>
      <c r="W18" s="42"/>
      <c r="X18" s="42"/>
      <c r="Y18" s="42"/>
      <c r="Z18" s="42"/>
      <c r="AA18" s="43"/>
    </row>
    <row r="19" spans="2:27" ht="24.95" customHeight="1">
      <c r="B19" s="15">
        <v>3</v>
      </c>
      <c r="C19" s="35"/>
      <c r="D19" s="36"/>
      <c r="E19" s="37"/>
      <c r="F19" s="38"/>
      <c r="G19" s="39"/>
      <c r="H19" s="39"/>
      <c r="I19" s="39"/>
      <c r="J19" s="40"/>
      <c r="K19" s="38"/>
      <c r="L19" s="39"/>
      <c r="M19" s="39"/>
      <c r="N19" s="39"/>
      <c r="O19" s="40"/>
      <c r="P19" s="15"/>
      <c r="Q19" s="35"/>
      <c r="R19" s="36"/>
      <c r="S19" s="37"/>
      <c r="T19" s="15"/>
      <c r="U19" s="14" t="str">
        <f t="shared" si="0"/>
        <v/>
      </c>
      <c r="V19" s="41"/>
      <c r="W19" s="42"/>
      <c r="X19" s="42"/>
      <c r="Y19" s="42"/>
      <c r="Z19" s="42"/>
      <c r="AA19" s="43"/>
    </row>
    <row r="20" spans="2:27" ht="24.95" customHeight="1">
      <c r="B20" s="15">
        <v>4</v>
      </c>
      <c r="C20" s="35"/>
      <c r="D20" s="36"/>
      <c r="E20" s="37"/>
      <c r="F20" s="38"/>
      <c r="G20" s="39"/>
      <c r="H20" s="39"/>
      <c r="I20" s="39"/>
      <c r="J20" s="40"/>
      <c r="K20" s="38"/>
      <c r="L20" s="39"/>
      <c r="M20" s="39"/>
      <c r="N20" s="39"/>
      <c r="O20" s="40"/>
      <c r="P20" s="15"/>
      <c r="Q20" s="35"/>
      <c r="R20" s="36"/>
      <c r="S20" s="37"/>
      <c r="T20" s="15"/>
      <c r="U20" s="14" t="str">
        <f t="shared" si="0"/>
        <v/>
      </c>
      <c r="V20" s="41"/>
      <c r="W20" s="42"/>
      <c r="X20" s="42"/>
      <c r="Y20" s="42"/>
      <c r="Z20" s="42"/>
      <c r="AA20" s="43"/>
    </row>
    <row r="21" spans="2:27" ht="24.95" customHeight="1">
      <c r="B21" s="15">
        <v>5</v>
      </c>
      <c r="C21" s="35"/>
      <c r="D21" s="36"/>
      <c r="E21" s="37"/>
      <c r="F21" s="38"/>
      <c r="G21" s="39"/>
      <c r="H21" s="39"/>
      <c r="I21" s="39"/>
      <c r="J21" s="40"/>
      <c r="K21" s="38"/>
      <c r="L21" s="39"/>
      <c r="M21" s="39"/>
      <c r="N21" s="39"/>
      <c r="O21" s="40"/>
      <c r="P21" s="15"/>
      <c r="Q21" s="35"/>
      <c r="R21" s="36"/>
      <c r="S21" s="37"/>
      <c r="T21" s="15"/>
      <c r="U21" s="14" t="str">
        <f t="shared" si="0"/>
        <v/>
      </c>
      <c r="V21" s="41"/>
      <c r="W21" s="42"/>
      <c r="X21" s="42"/>
      <c r="Y21" s="42"/>
      <c r="Z21" s="42"/>
      <c r="AA21" s="43"/>
    </row>
    <row r="22" spans="2:27" ht="24.95" customHeight="1">
      <c r="B22" s="15">
        <v>6</v>
      </c>
      <c r="C22" s="35"/>
      <c r="D22" s="36"/>
      <c r="E22" s="37"/>
      <c r="F22" s="38"/>
      <c r="G22" s="39"/>
      <c r="H22" s="39"/>
      <c r="I22" s="39"/>
      <c r="J22" s="40"/>
      <c r="K22" s="38"/>
      <c r="L22" s="39"/>
      <c r="M22" s="39"/>
      <c r="N22" s="39"/>
      <c r="O22" s="40"/>
      <c r="P22" s="15"/>
      <c r="Q22" s="35"/>
      <c r="R22" s="36"/>
      <c r="S22" s="37"/>
      <c r="T22" s="15"/>
      <c r="U22" s="14" t="str">
        <f t="shared" si="0"/>
        <v/>
      </c>
      <c r="V22" s="41"/>
      <c r="W22" s="42"/>
      <c r="X22" s="42"/>
      <c r="Y22" s="42"/>
      <c r="Z22" s="42"/>
      <c r="AA22" s="43"/>
    </row>
    <row r="23" spans="2:27" ht="24.95" customHeight="1">
      <c r="B23" s="15">
        <v>7</v>
      </c>
      <c r="C23" s="35"/>
      <c r="D23" s="36"/>
      <c r="E23" s="37"/>
      <c r="F23" s="38"/>
      <c r="G23" s="39"/>
      <c r="H23" s="39"/>
      <c r="I23" s="39"/>
      <c r="J23" s="40"/>
      <c r="K23" s="38"/>
      <c r="L23" s="39"/>
      <c r="M23" s="39"/>
      <c r="N23" s="39"/>
      <c r="O23" s="40"/>
      <c r="P23" s="15"/>
      <c r="Q23" s="35"/>
      <c r="R23" s="36"/>
      <c r="S23" s="37"/>
      <c r="T23" s="15"/>
      <c r="U23" s="14" t="str">
        <f t="shared" si="0"/>
        <v/>
      </c>
      <c r="V23" s="41"/>
      <c r="W23" s="42"/>
      <c r="X23" s="42"/>
      <c r="Y23" s="42"/>
      <c r="Z23" s="42"/>
      <c r="AA23" s="43"/>
    </row>
    <row r="24" spans="2:27" ht="24.95" customHeight="1">
      <c r="B24" s="15">
        <v>8</v>
      </c>
      <c r="C24" s="35"/>
      <c r="D24" s="36"/>
      <c r="E24" s="37"/>
      <c r="F24" s="38"/>
      <c r="G24" s="39"/>
      <c r="H24" s="39"/>
      <c r="I24" s="39"/>
      <c r="J24" s="40"/>
      <c r="K24" s="38"/>
      <c r="L24" s="39"/>
      <c r="M24" s="39"/>
      <c r="N24" s="39"/>
      <c r="O24" s="40"/>
      <c r="P24" s="15"/>
      <c r="Q24" s="35"/>
      <c r="R24" s="36"/>
      <c r="S24" s="37"/>
      <c r="T24" s="15"/>
      <c r="U24" s="14" t="str">
        <f t="shared" si="0"/>
        <v/>
      </c>
      <c r="V24" s="41"/>
      <c r="W24" s="42"/>
      <c r="X24" s="42"/>
      <c r="Y24" s="42"/>
      <c r="Z24" s="42"/>
      <c r="AA24" s="43"/>
    </row>
    <row r="25" spans="2:27" ht="24.95" customHeight="1">
      <c r="B25" s="15">
        <v>9</v>
      </c>
      <c r="C25" s="35"/>
      <c r="D25" s="36"/>
      <c r="E25" s="37"/>
      <c r="F25" s="38"/>
      <c r="G25" s="39"/>
      <c r="H25" s="39"/>
      <c r="I25" s="39"/>
      <c r="J25" s="40"/>
      <c r="K25" s="38"/>
      <c r="L25" s="39"/>
      <c r="M25" s="39"/>
      <c r="N25" s="39"/>
      <c r="O25" s="40"/>
      <c r="P25" s="15"/>
      <c r="Q25" s="35"/>
      <c r="R25" s="36"/>
      <c r="S25" s="37"/>
      <c r="T25" s="15"/>
      <c r="U25" s="14" t="str">
        <f t="shared" si="0"/>
        <v/>
      </c>
      <c r="V25" s="41"/>
      <c r="W25" s="42"/>
      <c r="X25" s="42"/>
      <c r="Y25" s="42"/>
      <c r="Z25" s="42"/>
      <c r="AA25" s="43"/>
    </row>
    <row r="26" spans="2:27" ht="24.95" customHeight="1">
      <c r="B26" s="15">
        <v>10</v>
      </c>
      <c r="C26" s="35"/>
      <c r="D26" s="36"/>
      <c r="E26" s="37"/>
      <c r="F26" s="38"/>
      <c r="G26" s="39"/>
      <c r="H26" s="39"/>
      <c r="I26" s="39"/>
      <c r="J26" s="40"/>
      <c r="K26" s="38"/>
      <c r="L26" s="39"/>
      <c r="M26" s="39"/>
      <c r="N26" s="39"/>
      <c r="O26" s="40"/>
      <c r="P26" s="15"/>
      <c r="Q26" s="35"/>
      <c r="R26" s="36"/>
      <c r="S26" s="37"/>
      <c r="T26" s="15"/>
      <c r="U26" s="14" t="str">
        <f t="shared" si="0"/>
        <v/>
      </c>
      <c r="V26" s="41"/>
      <c r="W26" s="42"/>
      <c r="X26" s="42"/>
      <c r="Y26" s="42"/>
      <c r="Z26" s="42"/>
      <c r="AA26" s="43"/>
    </row>
    <row r="27" spans="2:27" ht="24.95" customHeight="1">
      <c r="B27" s="15">
        <v>11</v>
      </c>
      <c r="C27" s="35"/>
      <c r="D27" s="36"/>
      <c r="E27" s="37"/>
      <c r="F27" s="38"/>
      <c r="G27" s="39"/>
      <c r="H27" s="39"/>
      <c r="I27" s="39"/>
      <c r="J27" s="40"/>
      <c r="K27" s="38"/>
      <c r="L27" s="39"/>
      <c r="M27" s="39"/>
      <c r="N27" s="39"/>
      <c r="O27" s="40"/>
      <c r="P27" s="15"/>
      <c r="Q27" s="35"/>
      <c r="R27" s="36"/>
      <c r="S27" s="37"/>
      <c r="T27" s="15"/>
      <c r="U27" s="14" t="str">
        <f t="shared" si="0"/>
        <v/>
      </c>
      <c r="V27" s="41"/>
      <c r="W27" s="42"/>
      <c r="X27" s="42"/>
      <c r="Y27" s="42"/>
      <c r="Z27" s="42"/>
      <c r="AA27" s="43"/>
    </row>
    <row r="28" spans="2:27" ht="24.95" customHeight="1">
      <c r="B28" s="15">
        <v>12</v>
      </c>
      <c r="C28" s="35"/>
      <c r="D28" s="36"/>
      <c r="E28" s="37"/>
      <c r="F28" s="38"/>
      <c r="G28" s="39"/>
      <c r="H28" s="39"/>
      <c r="I28" s="39"/>
      <c r="J28" s="40"/>
      <c r="K28" s="38"/>
      <c r="L28" s="39"/>
      <c r="M28" s="39"/>
      <c r="N28" s="39"/>
      <c r="O28" s="40"/>
      <c r="P28" s="15"/>
      <c r="Q28" s="35"/>
      <c r="R28" s="36"/>
      <c r="S28" s="37"/>
      <c r="T28" s="15"/>
      <c r="U28" s="14" t="str">
        <f t="shared" si="0"/>
        <v/>
      </c>
      <c r="V28" s="41"/>
      <c r="W28" s="42"/>
      <c r="X28" s="42"/>
      <c r="Y28" s="42"/>
      <c r="Z28" s="42"/>
      <c r="AA28" s="43"/>
    </row>
    <row r="29" spans="2:27" ht="24.95" customHeight="1">
      <c r="B29" s="15">
        <v>13</v>
      </c>
      <c r="C29" s="35"/>
      <c r="D29" s="36"/>
      <c r="E29" s="37"/>
      <c r="F29" s="38"/>
      <c r="G29" s="39"/>
      <c r="H29" s="39"/>
      <c r="I29" s="39"/>
      <c r="J29" s="40"/>
      <c r="K29" s="38"/>
      <c r="L29" s="39"/>
      <c r="M29" s="39"/>
      <c r="N29" s="39"/>
      <c r="O29" s="40"/>
      <c r="P29" s="15"/>
      <c r="Q29" s="35"/>
      <c r="R29" s="36"/>
      <c r="S29" s="37"/>
      <c r="T29" s="15"/>
      <c r="U29" s="14" t="str">
        <f t="shared" si="0"/>
        <v/>
      </c>
      <c r="V29" s="41"/>
      <c r="W29" s="42"/>
      <c r="X29" s="42"/>
      <c r="Y29" s="42"/>
      <c r="Z29" s="42"/>
      <c r="AA29" s="43"/>
    </row>
    <row r="30" spans="2:27" ht="24.95" customHeight="1">
      <c r="B30" s="15">
        <v>14</v>
      </c>
      <c r="C30" s="35"/>
      <c r="D30" s="36"/>
      <c r="E30" s="37"/>
      <c r="F30" s="38"/>
      <c r="G30" s="39"/>
      <c r="H30" s="39"/>
      <c r="I30" s="39"/>
      <c r="J30" s="40"/>
      <c r="K30" s="38"/>
      <c r="L30" s="39"/>
      <c r="M30" s="39"/>
      <c r="N30" s="39"/>
      <c r="O30" s="40"/>
      <c r="P30" s="15"/>
      <c r="Q30" s="35"/>
      <c r="R30" s="36"/>
      <c r="S30" s="37"/>
      <c r="T30" s="15"/>
      <c r="U30" s="14" t="str">
        <f t="shared" si="0"/>
        <v/>
      </c>
      <c r="V30" s="41"/>
      <c r="W30" s="42"/>
      <c r="X30" s="42"/>
      <c r="Y30" s="42"/>
      <c r="Z30" s="42"/>
      <c r="AA30" s="43"/>
    </row>
    <row r="31" spans="2:27" ht="24.95" customHeight="1">
      <c r="B31" s="15">
        <v>15</v>
      </c>
      <c r="C31" s="35"/>
      <c r="D31" s="36"/>
      <c r="E31" s="37"/>
      <c r="F31" s="38"/>
      <c r="G31" s="39"/>
      <c r="H31" s="39"/>
      <c r="I31" s="39"/>
      <c r="J31" s="40"/>
      <c r="K31" s="38"/>
      <c r="L31" s="39"/>
      <c r="M31" s="39"/>
      <c r="N31" s="39"/>
      <c r="O31" s="40"/>
      <c r="P31" s="15"/>
      <c r="Q31" s="35"/>
      <c r="R31" s="36"/>
      <c r="S31" s="37"/>
      <c r="T31" s="15"/>
      <c r="U31" s="14" t="str">
        <f t="shared" si="0"/>
        <v/>
      </c>
      <c r="V31" s="41"/>
      <c r="W31" s="42"/>
      <c r="X31" s="42"/>
      <c r="Y31" s="42"/>
      <c r="Z31" s="42"/>
      <c r="AA31" s="43"/>
    </row>
    <row r="32" spans="2:27" ht="24.95" customHeight="1">
      <c r="B32" s="15">
        <v>16</v>
      </c>
      <c r="C32" s="35"/>
      <c r="D32" s="36"/>
      <c r="E32" s="37"/>
      <c r="F32" s="38"/>
      <c r="G32" s="39"/>
      <c r="H32" s="39"/>
      <c r="I32" s="39"/>
      <c r="J32" s="40"/>
      <c r="K32" s="38"/>
      <c r="L32" s="39"/>
      <c r="M32" s="39"/>
      <c r="N32" s="39"/>
      <c r="O32" s="40"/>
      <c r="P32" s="15"/>
      <c r="Q32" s="35"/>
      <c r="R32" s="36"/>
      <c r="S32" s="37"/>
      <c r="T32" s="15"/>
      <c r="U32" s="14" t="str">
        <f t="shared" si="0"/>
        <v/>
      </c>
      <c r="V32" s="41"/>
      <c r="W32" s="42"/>
      <c r="X32" s="42"/>
      <c r="Y32" s="42"/>
      <c r="Z32" s="42"/>
      <c r="AA32" s="43"/>
    </row>
    <row r="33" spans="2:27" ht="24.95" customHeight="1">
      <c r="B33" s="15">
        <v>17</v>
      </c>
      <c r="C33" s="35"/>
      <c r="D33" s="36"/>
      <c r="E33" s="37"/>
      <c r="F33" s="38"/>
      <c r="G33" s="39"/>
      <c r="H33" s="39"/>
      <c r="I33" s="39"/>
      <c r="J33" s="40"/>
      <c r="K33" s="38"/>
      <c r="L33" s="39"/>
      <c r="M33" s="39"/>
      <c r="N33" s="39"/>
      <c r="O33" s="40"/>
      <c r="P33" s="15"/>
      <c r="Q33" s="35"/>
      <c r="R33" s="36"/>
      <c r="S33" s="37"/>
      <c r="T33" s="15"/>
      <c r="U33" s="14" t="str">
        <f t="shared" si="0"/>
        <v/>
      </c>
      <c r="V33" s="41"/>
      <c r="W33" s="42"/>
      <c r="X33" s="42"/>
      <c r="Y33" s="42"/>
      <c r="Z33" s="42"/>
      <c r="AA33" s="43"/>
    </row>
    <row r="34" spans="2:27" ht="24.95" customHeight="1">
      <c r="B34" s="15">
        <v>18</v>
      </c>
      <c r="C34" s="35"/>
      <c r="D34" s="36"/>
      <c r="E34" s="37"/>
      <c r="F34" s="38"/>
      <c r="G34" s="39"/>
      <c r="H34" s="39"/>
      <c r="I34" s="39"/>
      <c r="J34" s="40"/>
      <c r="K34" s="38"/>
      <c r="L34" s="39"/>
      <c r="M34" s="39"/>
      <c r="N34" s="39"/>
      <c r="O34" s="40"/>
      <c r="P34" s="15"/>
      <c r="Q34" s="35"/>
      <c r="R34" s="36"/>
      <c r="S34" s="37"/>
      <c r="T34" s="15"/>
      <c r="U34" s="14" t="str">
        <f t="shared" si="0"/>
        <v/>
      </c>
      <c r="V34" s="41"/>
      <c r="W34" s="42"/>
      <c r="X34" s="42"/>
      <c r="Y34" s="42"/>
      <c r="Z34" s="42"/>
      <c r="AA34" s="43"/>
    </row>
    <row r="35" spans="2:27" ht="24.95" customHeight="1">
      <c r="B35" s="15">
        <v>19</v>
      </c>
      <c r="C35" s="35"/>
      <c r="D35" s="36"/>
      <c r="E35" s="37"/>
      <c r="F35" s="38"/>
      <c r="G35" s="39"/>
      <c r="H35" s="39"/>
      <c r="I35" s="39"/>
      <c r="J35" s="40"/>
      <c r="K35" s="38"/>
      <c r="L35" s="39"/>
      <c r="M35" s="39"/>
      <c r="N35" s="39"/>
      <c r="O35" s="40"/>
      <c r="P35" s="15"/>
      <c r="Q35" s="35"/>
      <c r="R35" s="36"/>
      <c r="S35" s="37"/>
      <c r="T35" s="15"/>
      <c r="U35" s="14" t="str">
        <f t="shared" si="0"/>
        <v/>
      </c>
      <c r="V35" s="41"/>
      <c r="W35" s="42"/>
      <c r="X35" s="42"/>
      <c r="Y35" s="42"/>
      <c r="Z35" s="42"/>
      <c r="AA35" s="43"/>
    </row>
    <row r="36" spans="2:27" ht="24.95" customHeight="1">
      <c r="B36" s="15">
        <v>20</v>
      </c>
      <c r="C36" s="35"/>
      <c r="D36" s="36"/>
      <c r="E36" s="37"/>
      <c r="F36" s="38"/>
      <c r="G36" s="39"/>
      <c r="H36" s="39"/>
      <c r="I36" s="39"/>
      <c r="J36" s="40"/>
      <c r="K36" s="38"/>
      <c r="L36" s="39"/>
      <c r="M36" s="39"/>
      <c r="N36" s="39"/>
      <c r="O36" s="40"/>
      <c r="P36" s="15"/>
      <c r="Q36" s="35"/>
      <c r="R36" s="36"/>
      <c r="S36" s="37"/>
      <c r="T36" s="15"/>
      <c r="U36" s="14" t="str">
        <f t="shared" si="0"/>
        <v/>
      </c>
      <c r="V36" s="41"/>
      <c r="W36" s="42"/>
      <c r="X36" s="42"/>
      <c r="Y36" s="42"/>
      <c r="Z36" s="42"/>
      <c r="AA36" s="43"/>
    </row>
    <row r="37" spans="2:27" ht="24.95" customHeight="1">
      <c r="B37" s="15">
        <v>21</v>
      </c>
      <c r="C37" s="35"/>
      <c r="D37" s="36"/>
      <c r="E37" s="37"/>
      <c r="F37" s="38"/>
      <c r="G37" s="39"/>
      <c r="H37" s="39"/>
      <c r="I37" s="39"/>
      <c r="J37" s="40"/>
      <c r="K37" s="38"/>
      <c r="L37" s="39"/>
      <c r="M37" s="39"/>
      <c r="N37" s="39"/>
      <c r="O37" s="40"/>
      <c r="P37" s="15"/>
      <c r="Q37" s="35"/>
      <c r="R37" s="36"/>
      <c r="S37" s="37"/>
      <c r="T37" s="15"/>
      <c r="U37" s="14" t="str">
        <f t="shared" si="0"/>
        <v/>
      </c>
      <c r="V37" s="41"/>
      <c r="W37" s="42"/>
      <c r="X37" s="42"/>
      <c r="Y37" s="42"/>
      <c r="Z37" s="42"/>
      <c r="AA37" s="43"/>
    </row>
    <row r="38" spans="2:27" ht="24.95" customHeight="1">
      <c r="B38" s="15">
        <v>22</v>
      </c>
      <c r="C38" s="35"/>
      <c r="D38" s="36"/>
      <c r="E38" s="37"/>
      <c r="F38" s="38"/>
      <c r="G38" s="39"/>
      <c r="H38" s="39"/>
      <c r="I38" s="39"/>
      <c r="J38" s="40"/>
      <c r="K38" s="38"/>
      <c r="L38" s="39"/>
      <c r="M38" s="39"/>
      <c r="N38" s="39"/>
      <c r="O38" s="40"/>
      <c r="P38" s="15"/>
      <c r="Q38" s="35"/>
      <c r="R38" s="36"/>
      <c r="S38" s="37"/>
      <c r="T38" s="15"/>
      <c r="U38" s="14" t="str">
        <f t="shared" si="0"/>
        <v/>
      </c>
      <c r="V38" s="41"/>
      <c r="W38" s="42"/>
      <c r="X38" s="42"/>
      <c r="Y38" s="42"/>
      <c r="Z38" s="42"/>
      <c r="AA38" s="43"/>
    </row>
    <row r="39" spans="2:27" ht="24.95" customHeight="1">
      <c r="B39" s="15">
        <v>23</v>
      </c>
      <c r="C39" s="35"/>
      <c r="D39" s="36"/>
      <c r="E39" s="37"/>
      <c r="F39" s="38"/>
      <c r="G39" s="39"/>
      <c r="H39" s="39"/>
      <c r="I39" s="39"/>
      <c r="J39" s="40"/>
      <c r="K39" s="38"/>
      <c r="L39" s="39"/>
      <c r="M39" s="39"/>
      <c r="N39" s="39"/>
      <c r="O39" s="40"/>
      <c r="P39" s="15"/>
      <c r="Q39" s="35"/>
      <c r="R39" s="36"/>
      <c r="S39" s="37"/>
      <c r="T39" s="15"/>
      <c r="U39" s="14" t="str">
        <f t="shared" si="0"/>
        <v/>
      </c>
      <c r="V39" s="41"/>
      <c r="W39" s="42"/>
      <c r="X39" s="42"/>
      <c r="Y39" s="42"/>
      <c r="Z39" s="42"/>
      <c r="AA39" s="43"/>
    </row>
    <row r="40" spans="2:27" ht="24.95" customHeight="1">
      <c r="B40" s="15">
        <v>24</v>
      </c>
      <c r="C40" s="35"/>
      <c r="D40" s="36"/>
      <c r="E40" s="37"/>
      <c r="F40" s="38"/>
      <c r="G40" s="39"/>
      <c r="H40" s="39"/>
      <c r="I40" s="39"/>
      <c r="J40" s="40"/>
      <c r="K40" s="38"/>
      <c r="L40" s="39"/>
      <c r="M40" s="39"/>
      <c r="N40" s="39"/>
      <c r="O40" s="40"/>
      <c r="P40" s="15"/>
      <c r="Q40" s="35"/>
      <c r="R40" s="36"/>
      <c r="S40" s="37"/>
      <c r="T40" s="15"/>
      <c r="U40" s="14" t="str">
        <f t="shared" si="0"/>
        <v/>
      </c>
      <c r="V40" s="41"/>
      <c r="W40" s="42"/>
      <c r="X40" s="42"/>
      <c r="Y40" s="42"/>
      <c r="Z40" s="42"/>
      <c r="AA40" s="43"/>
    </row>
    <row r="41" spans="2:27" ht="24.95" customHeight="1">
      <c r="B41" s="15">
        <v>25</v>
      </c>
      <c r="C41" s="35"/>
      <c r="D41" s="36"/>
      <c r="E41" s="37"/>
      <c r="F41" s="38"/>
      <c r="G41" s="39"/>
      <c r="H41" s="39"/>
      <c r="I41" s="39"/>
      <c r="J41" s="40"/>
      <c r="K41" s="38"/>
      <c r="L41" s="39"/>
      <c r="M41" s="39"/>
      <c r="N41" s="39"/>
      <c r="O41" s="40"/>
      <c r="P41" s="15"/>
      <c r="Q41" s="35"/>
      <c r="R41" s="36"/>
      <c r="S41" s="37"/>
      <c r="T41" s="15"/>
      <c r="U41" s="14" t="str">
        <f t="shared" si="0"/>
        <v/>
      </c>
      <c r="V41" s="41"/>
      <c r="W41" s="42"/>
      <c r="X41" s="42"/>
      <c r="Y41" s="42"/>
      <c r="Z41" s="42"/>
      <c r="AA41" s="43"/>
    </row>
    <row r="42" spans="2:27" ht="24.95" customHeight="1">
      <c r="B42" s="15">
        <v>26</v>
      </c>
      <c r="C42" s="35"/>
      <c r="D42" s="36"/>
      <c r="E42" s="37"/>
      <c r="F42" s="38"/>
      <c r="G42" s="39"/>
      <c r="H42" s="39"/>
      <c r="I42" s="39"/>
      <c r="J42" s="40"/>
      <c r="K42" s="38"/>
      <c r="L42" s="39"/>
      <c r="M42" s="39"/>
      <c r="N42" s="39"/>
      <c r="O42" s="40"/>
      <c r="P42" s="15"/>
      <c r="Q42" s="35"/>
      <c r="R42" s="36"/>
      <c r="S42" s="37"/>
      <c r="T42" s="15"/>
      <c r="U42" s="14" t="str">
        <f t="shared" si="0"/>
        <v/>
      </c>
      <c r="V42" s="41"/>
      <c r="W42" s="42"/>
      <c r="X42" s="42"/>
      <c r="Y42" s="42"/>
      <c r="Z42" s="42"/>
      <c r="AA42" s="43"/>
    </row>
    <row r="43" spans="2:27" ht="24.95" customHeight="1">
      <c r="B43" s="15">
        <v>27</v>
      </c>
      <c r="C43" s="35"/>
      <c r="D43" s="36"/>
      <c r="E43" s="37"/>
      <c r="F43" s="38"/>
      <c r="G43" s="39"/>
      <c r="H43" s="39"/>
      <c r="I43" s="39"/>
      <c r="J43" s="40"/>
      <c r="K43" s="38"/>
      <c r="L43" s="39"/>
      <c r="M43" s="39"/>
      <c r="N43" s="39"/>
      <c r="O43" s="40"/>
      <c r="P43" s="15"/>
      <c r="Q43" s="35"/>
      <c r="R43" s="36"/>
      <c r="S43" s="37"/>
      <c r="T43" s="15"/>
      <c r="U43" s="14" t="str">
        <f t="shared" si="0"/>
        <v/>
      </c>
      <c r="V43" s="41"/>
      <c r="W43" s="42"/>
      <c r="X43" s="42"/>
      <c r="Y43" s="42"/>
      <c r="Z43" s="42"/>
      <c r="AA43" s="43"/>
    </row>
    <row r="44" spans="2:27" ht="24.95" customHeight="1">
      <c r="B44" s="15">
        <v>28</v>
      </c>
      <c r="C44" s="35"/>
      <c r="D44" s="36"/>
      <c r="E44" s="37"/>
      <c r="F44" s="38"/>
      <c r="G44" s="39"/>
      <c r="H44" s="39"/>
      <c r="I44" s="39"/>
      <c r="J44" s="40"/>
      <c r="K44" s="38"/>
      <c r="L44" s="39"/>
      <c r="M44" s="39"/>
      <c r="N44" s="39"/>
      <c r="O44" s="40"/>
      <c r="P44" s="15"/>
      <c r="Q44" s="35"/>
      <c r="R44" s="36"/>
      <c r="S44" s="37"/>
      <c r="T44" s="15"/>
      <c r="U44" s="14" t="str">
        <f t="shared" si="0"/>
        <v/>
      </c>
      <c r="V44" s="41"/>
      <c r="W44" s="42"/>
      <c r="X44" s="42"/>
      <c r="Y44" s="42"/>
      <c r="Z44" s="42"/>
      <c r="AA44" s="43"/>
    </row>
    <row r="45" spans="2:27" ht="24.95" customHeight="1">
      <c r="B45" s="15">
        <v>29</v>
      </c>
      <c r="C45" s="35"/>
      <c r="D45" s="36"/>
      <c r="E45" s="37"/>
      <c r="F45" s="38"/>
      <c r="G45" s="39"/>
      <c r="H45" s="39"/>
      <c r="I45" s="39"/>
      <c r="J45" s="40"/>
      <c r="K45" s="38"/>
      <c r="L45" s="39"/>
      <c r="M45" s="39"/>
      <c r="N45" s="39"/>
      <c r="O45" s="40"/>
      <c r="P45" s="15"/>
      <c r="Q45" s="35"/>
      <c r="R45" s="36"/>
      <c r="S45" s="37"/>
      <c r="T45" s="15"/>
      <c r="U45" s="14" t="str">
        <f t="shared" si="0"/>
        <v/>
      </c>
      <c r="V45" s="41"/>
      <c r="W45" s="42"/>
      <c r="X45" s="42"/>
      <c r="Y45" s="42"/>
      <c r="Z45" s="42"/>
      <c r="AA45" s="43"/>
    </row>
    <row r="46" spans="2:27" ht="24.95" customHeight="1">
      <c r="B46" s="15">
        <v>30</v>
      </c>
      <c r="C46" s="35"/>
      <c r="D46" s="36"/>
      <c r="E46" s="37"/>
      <c r="F46" s="38"/>
      <c r="G46" s="39"/>
      <c r="H46" s="39"/>
      <c r="I46" s="39"/>
      <c r="J46" s="40"/>
      <c r="K46" s="38"/>
      <c r="L46" s="39"/>
      <c r="M46" s="39"/>
      <c r="N46" s="39"/>
      <c r="O46" s="40"/>
      <c r="P46" s="15"/>
      <c r="Q46" s="35"/>
      <c r="R46" s="36"/>
      <c r="S46" s="37"/>
      <c r="T46" s="15"/>
      <c r="U46" s="14" t="str">
        <f t="shared" si="0"/>
        <v/>
      </c>
      <c r="V46" s="41"/>
      <c r="W46" s="42"/>
      <c r="X46" s="42"/>
      <c r="Y46" s="42"/>
      <c r="Z46" s="42"/>
      <c r="AA46" s="43"/>
    </row>
    <row r="47" spans="2:27" ht="24.95" customHeight="1">
      <c r="B47" s="15">
        <v>31</v>
      </c>
      <c r="C47" s="35"/>
      <c r="D47" s="36"/>
      <c r="E47" s="37"/>
      <c r="F47" s="38"/>
      <c r="G47" s="39"/>
      <c r="H47" s="39"/>
      <c r="I47" s="39"/>
      <c r="J47" s="40"/>
      <c r="K47" s="38"/>
      <c r="L47" s="39"/>
      <c r="M47" s="39"/>
      <c r="N47" s="39"/>
      <c r="O47" s="40"/>
      <c r="P47" s="15"/>
      <c r="Q47" s="35"/>
      <c r="R47" s="36"/>
      <c r="S47" s="37"/>
      <c r="T47" s="15"/>
      <c r="U47" s="14" t="str">
        <f t="shared" si="0"/>
        <v/>
      </c>
      <c r="V47" s="41"/>
      <c r="W47" s="42"/>
      <c r="X47" s="42"/>
      <c r="Y47" s="42"/>
      <c r="Z47" s="42"/>
      <c r="AA47" s="43"/>
    </row>
    <row r="48" spans="2:27" ht="24.95" customHeight="1">
      <c r="B48" s="15">
        <v>32</v>
      </c>
      <c r="C48" s="35"/>
      <c r="D48" s="36"/>
      <c r="E48" s="37"/>
      <c r="F48" s="38"/>
      <c r="G48" s="39"/>
      <c r="H48" s="39"/>
      <c r="I48" s="39"/>
      <c r="J48" s="40"/>
      <c r="K48" s="38"/>
      <c r="L48" s="39"/>
      <c r="M48" s="39"/>
      <c r="N48" s="39"/>
      <c r="O48" s="40"/>
      <c r="P48" s="15"/>
      <c r="Q48" s="35"/>
      <c r="R48" s="36"/>
      <c r="S48" s="37"/>
      <c r="T48" s="15"/>
      <c r="U48" s="14" t="str">
        <f t="shared" si="0"/>
        <v/>
      </c>
      <c r="V48" s="41"/>
      <c r="W48" s="42"/>
      <c r="X48" s="42"/>
      <c r="Y48" s="42"/>
      <c r="Z48" s="42"/>
      <c r="AA48" s="43"/>
    </row>
    <row r="49" spans="2:27" ht="24.95" customHeight="1">
      <c r="B49" s="15">
        <v>33</v>
      </c>
      <c r="C49" s="35"/>
      <c r="D49" s="36"/>
      <c r="E49" s="37"/>
      <c r="F49" s="38"/>
      <c r="G49" s="39"/>
      <c r="H49" s="39"/>
      <c r="I49" s="39"/>
      <c r="J49" s="40"/>
      <c r="K49" s="38"/>
      <c r="L49" s="39"/>
      <c r="M49" s="39"/>
      <c r="N49" s="39"/>
      <c r="O49" s="40"/>
      <c r="P49" s="15"/>
      <c r="Q49" s="35"/>
      <c r="R49" s="36"/>
      <c r="S49" s="37"/>
      <c r="T49" s="15"/>
      <c r="U49" s="14" t="str">
        <f t="shared" si="0"/>
        <v/>
      </c>
      <c r="V49" s="41"/>
      <c r="W49" s="42"/>
      <c r="X49" s="42"/>
      <c r="Y49" s="42"/>
      <c r="Z49" s="42"/>
      <c r="AA49" s="43"/>
    </row>
    <row r="50" spans="2:27" ht="24.95" customHeight="1">
      <c r="B50" s="15">
        <v>34</v>
      </c>
      <c r="C50" s="35"/>
      <c r="D50" s="36"/>
      <c r="E50" s="37"/>
      <c r="F50" s="38"/>
      <c r="G50" s="39"/>
      <c r="H50" s="39"/>
      <c r="I50" s="39"/>
      <c r="J50" s="40"/>
      <c r="K50" s="38"/>
      <c r="L50" s="39"/>
      <c r="M50" s="39"/>
      <c r="N50" s="39"/>
      <c r="O50" s="40"/>
      <c r="P50" s="15"/>
      <c r="Q50" s="35"/>
      <c r="R50" s="36"/>
      <c r="S50" s="37"/>
      <c r="T50" s="15"/>
      <c r="U50" s="14" t="str">
        <f t="shared" si="0"/>
        <v/>
      </c>
      <c r="V50" s="41"/>
      <c r="W50" s="42"/>
      <c r="X50" s="42"/>
      <c r="Y50" s="42"/>
      <c r="Z50" s="42"/>
      <c r="AA50" s="43"/>
    </row>
    <row r="51" spans="2:27" ht="24.95" customHeight="1">
      <c r="B51" s="15">
        <v>35</v>
      </c>
      <c r="C51" s="35"/>
      <c r="D51" s="36"/>
      <c r="E51" s="37"/>
      <c r="F51" s="38"/>
      <c r="G51" s="39"/>
      <c r="H51" s="39"/>
      <c r="I51" s="39"/>
      <c r="J51" s="40"/>
      <c r="K51" s="38"/>
      <c r="L51" s="39"/>
      <c r="M51" s="39"/>
      <c r="N51" s="39"/>
      <c r="O51" s="40"/>
      <c r="P51" s="15"/>
      <c r="Q51" s="35"/>
      <c r="R51" s="36"/>
      <c r="S51" s="37"/>
      <c r="T51" s="15"/>
      <c r="U51" s="14" t="str">
        <f t="shared" si="0"/>
        <v/>
      </c>
      <c r="V51" s="41"/>
      <c r="W51" s="42"/>
      <c r="X51" s="42"/>
      <c r="Y51" s="42"/>
      <c r="Z51" s="42"/>
      <c r="AA51" s="43"/>
    </row>
    <row r="52" spans="2:27" ht="24.95" customHeight="1">
      <c r="B52" s="15">
        <v>36</v>
      </c>
      <c r="C52" s="35"/>
      <c r="D52" s="36"/>
      <c r="E52" s="37"/>
      <c r="F52" s="38"/>
      <c r="G52" s="39"/>
      <c r="H52" s="39"/>
      <c r="I52" s="39"/>
      <c r="J52" s="40"/>
      <c r="K52" s="38"/>
      <c r="L52" s="39"/>
      <c r="M52" s="39"/>
      <c r="N52" s="39"/>
      <c r="O52" s="40"/>
      <c r="P52" s="15"/>
      <c r="Q52" s="35"/>
      <c r="R52" s="36"/>
      <c r="S52" s="37"/>
      <c r="T52" s="15"/>
      <c r="U52" s="14" t="str">
        <f t="shared" si="0"/>
        <v/>
      </c>
      <c r="V52" s="41"/>
      <c r="W52" s="42"/>
      <c r="X52" s="42"/>
      <c r="Y52" s="42"/>
      <c r="Z52" s="42"/>
      <c r="AA52" s="43"/>
    </row>
    <row r="53" spans="2:27" ht="24.95" customHeight="1">
      <c r="B53" s="15">
        <v>37</v>
      </c>
      <c r="C53" s="35"/>
      <c r="D53" s="36"/>
      <c r="E53" s="37"/>
      <c r="F53" s="38"/>
      <c r="G53" s="39"/>
      <c r="H53" s="39"/>
      <c r="I53" s="39"/>
      <c r="J53" s="40"/>
      <c r="K53" s="38"/>
      <c r="L53" s="39"/>
      <c r="M53" s="39"/>
      <c r="N53" s="39"/>
      <c r="O53" s="40"/>
      <c r="P53" s="15"/>
      <c r="Q53" s="35"/>
      <c r="R53" s="36"/>
      <c r="S53" s="37"/>
      <c r="T53" s="15"/>
      <c r="U53" s="14" t="str">
        <f t="shared" si="0"/>
        <v/>
      </c>
      <c r="V53" s="41"/>
      <c r="W53" s="42"/>
      <c r="X53" s="42"/>
      <c r="Y53" s="42"/>
      <c r="Z53" s="42"/>
      <c r="AA53" s="43"/>
    </row>
    <row r="54" spans="2:27" ht="24.95" customHeight="1">
      <c r="B54" s="15">
        <v>38</v>
      </c>
      <c r="C54" s="35"/>
      <c r="D54" s="36"/>
      <c r="E54" s="37"/>
      <c r="F54" s="38"/>
      <c r="G54" s="39"/>
      <c r="H54" s="39"/>
      <c r="I54" s="39"/>
      <c r="J54" s="40"/>
      <c r="K54" s="38"/>
      <c r="L54" s="39"/>
      <c r="M54" s="39"/>
      <c r="N54" s="39"/>
      <c r="O54" s="40"/>
      <c r="P54" s="15"/>
      <c r="Q54" s="35"/>
      <c r="R54" s="36"/>
      <c r="S54" s="37"/>
      <c r="T54" s="15"/>
      <c r="U54" s="14" t="str">
        <f t="shared" si="0"/>
        <v/>
      </c>
      <c r="V54" s="41"/>
      <c r="W54" s="42"/>
      <c r="X54" s="42"/>
      <c r="Y54" s="42"/>
      <c r="Z54" s="42"/>
      <c r="AA54" s="43"/>
    </row>
    <row r="55" spans="2:27" ht="24.95" customHeight="1">
      <c r="B55" s="15">
        <v>39</v>
      </c>
      <c r="C55" s="35"/>
      <c r="D55" s="36"/>
      <c r="E55" s="37"/>
      <c r="F55" s="38"/>
      <c r="G55" s="39"/>
      <c r="H55" s="39"/>
      <c r="I55" s="39"/>
      <c r="J55" s="40"/>
      <c r="K55" s="38"/>
      <c r="L55" s="39"/>
      <c r="M55" s="39"/>
      <c r="N55" s="39"/>
      <c r="O55" s="40"/>
      <c r="P55" s="15"/>
      <c r="Q55" s="35"/>
      <c r="R55" s="36"/>
      <c r="S55" s="37"/>
      <c r="T55" s="15"/>
      <c r="U55" s="14" t="str">
        <f t="shared" si="0"/>
        <v/>
      </c>
      <c r="V55" s="41"/>
      <c r="W55" s="42"/>
      <c r="X55" s="42"/>
      <c r="Y55" s="42"/>
      <c r="Z55" s="42"/>
      <c r="AA55" s="43"/>
    </row>
    <row r="56" spans="2:27" ht="24.95" customHeight="1">
      <c r="B56" s="15">
        <v>40</v>
      </c>
      <c r="C56" s="35"/>
      <c r="D56" s="36"/>
      <c r="E56" s="37"/>
      <c r="F56" s="38"/>
      <c r="G56" s="39"/>
      <c r="H56" s="39"/>
      <c r="I56" s="39"/>
      <c r="J56" s="40"/>
      <c r="K56" s="38"/>
      <c r="L56" s="39"/>
      <c r="M56" s="39"/>
      <c r="N56" s="39"/>
      <c r="O56" s="40"/>
      <c r="P56" s="15"/>
      <c r="Q56" s="35"/>
      <c r="R56" s="36"/>
      <c r="S56" s="37"/>
      <c r="T56" s="15"/>
      <c r="U56" s="14" t="str">
        <f>IF(ISBLANK($T56),"",IF(T56&gt;=70,"合","否"))</f>
        <v/>
      </c>
      <c r="V56" s="41"/>
      <c r="W56" s="42"/>
      <c r="X56" s="42"/>
      <c r="Y56" s="42"/>
      <c r="Z56" s="42"/>
      <c r="AA56" s="43"/>
    </row>
    <row r="57" spans="2:27" ht="24.95" customHeight="1">
      <c r="B57" s="15">
        <v>41</v>
      </c>
      <c r="C57" s="35"/>
      <c r="D57" s="36"/>
      <c r="E57" s="37"/>
      <c r="F57" s="38"/>
      <c r="G57" s="39"/>
      <c r="H57" s="39"/>
      <c r="I57" s="39"/>
      <c r="J57" s="40"/>
      <c r="K57" s="38"/>
      <c r="L57" s="39"/>
      <c r="M57" s="39"/>
      <c r="N57" s="39"/>
      <c r="O57" s="40"/>
      <c r="P57" s="15"/>
      <c r="Q57" s="35"/>
      <c r="R57" s="36"/>
      <c r="S57" s="37"/>
      <c r="T57" s="15"/>
      <c r="U57" s="14" t="str">
        <f>IF(ISBLANK($T57),"",IF(T57&gt;=70,"合","否"))</f>
        <v/>
      </c>
      <c r="V57" s="41"/>
      <c r="W57" s="42"/>
      <c r="X57" s="42"/>
      <c r="Y57" s="42"/>
      <c r="Z57" s="42"/>
      <c r="AA57" s="43"/>
    </row>
    <row r="58" spans="2:27" ht="24.95" customHeight="1">
      <c r="B58" s="15">
        <v>42</v>
      </c>
      <c r="C58" s="35"/>
      <c r="D58" s="36"/>
      <c r="E58" s="37"/>
      <c r="F58" s="38"/>
      <c r="G58" s="39"/>
      <c r="H58" s="39"/>
      <c r="I58" s="39"/>
      <c r="J58" s="40"/>
      <c r="K58" s="38"/>
      <c r="L58" s="39"/>
      <c r="M58" s="39"/>
      <c r="N58" s="39"/>
      <c r="O58" s="40"/>
      <c r="P58" s="15"/>
      <c r="Q58" s="35"/>
      <c r="R58" s="36"/>
      <c r="S58" s="37"/>
      <c r="T58" s="15"/>
      <c r="U58" s="14" t="str">
        <f t="shared" ref="U58:U95" si="1">IF(ISBLANK($T58),"",IF(T58&gt;=70,"合","否"))</f>
        <v/>
      </c>
      <c r="V58" s="41"/>
      <c r="W58" s="42"/>
      <c r="X58" s="42"/>
      <c r="Y58" s="42"/>
      <c r="Z58" s="42"/>
      <c r="AA58" s="43"/>
    </row>
    <row r="59" spans="2:27" ht="24.95" customHeight="1">
      <c r="B59" s="15">
        <v>43</v>
      </c>
      <c r="C59" s="35"/>
      <c r="D59" s="36"/>
      <c r="E59" s="37"/>
      <c r="F59" s="38"/>
      <c r="G59" s="39"/>
      <c r="H59" s="39"/>
      <c r="I59" s="39"/>
      <c r="J59" s="40"/>
      <c r="K59" s="38"/>
      <c r="L59" s="39"/>
      <c r="M59" s="39"/>
      <c r="N59" s="39"/>
      <c r="O59" s="40"/>
      <c r="P59" s="15"/>
      <c r="Q59" s="35"/>
      <c r="R59" s="36"/>
      <c r="S59" s="37"/>
      <c r="T59" s="15"/>
      <c r="U59" s="14" t="str">
        <f t="shared" si="1"/>
        <v/>
      </c>
      <c r="V59" s="41"/>
      <c r="W59" s="42"/>
      <c r="X59" s="42"/>
      <c r="Y59" s="42"/>
      <c r="Z59" s="42"/>
      <c r="AA59" s="43"/>
    </row>
    <row r="60" spans="2:27" ht="24.95" customHeight="1">
      <c r="B60" s="15">
        <v>44</v>
      </c>
      <c r="C60" s="35"/>
      <c r="D60" s="36"/>
      <c r="E60" s="37"/>
      <c r="F60" s="38"/>
      <c r="G60" s="39"/>
      <c r="H60" s="39"/>
      <c r="I60" s="39"/>
      <c r="J60" s="40"/>
      <c r="K60" s="38"/>
      <c r="L60" s="39"/>
      <c r="M60" s="39"/>
      <c r="N60" s="39"/>
      <c r="O60" s="40"/>
      <c r="P60" s="15"/>
      <c r="Q60" s="35"/>
      <c r="R60" s="36"/>
      <c r="S60" s="37"/>
      <c r="T60" s="15"/>
      <c r="U60" s="14" t="str">
        <f t="shared" si="1"/>
        <v/>
      </c>
      <c r="V60" s="41"/>
      <c r="W60" s="42"/>
      <c r="X60" s="42"/>
      <c r="Y60" s="42"/>
      <c r="Z60" s="42"/>
      <c r="AA60" s="43"/>
    </row>
    <row r="61" spans="2:27" ht="24.95" customHeight="1">
      <c r="B61" s="15">
        <v>45</v>
      </c>
      <c r="C61" s="35"/>
      <c r="D61" s="36"/>
      <c r="E61" s="37"/>
      <c r="F61" s="38"/>
      <c r="G61" s="39"/>
      <c r="H61" s="39"/>
      <c r="I61" s="39"/>
      <c r="J61" s="40"/>
      <c r="K61" s="38"/>
      <c r="L61" s="39"/>
      <c r="M61" s="39"/>
      <c r="N61" s="39"/>
      <c r="O61" s="40"/>
      <c r="P61" s="15"/>
      <c r="Q61" s="35"/>
      <c r="R61" s="36"/>
      <c r="S61" s="37"/>
      <c r="T61" s="15"/>
      <c r="U61" s="14" t="str">
        <f t="shared" si="1"/>
        <v/>
      </c>
      <c r="V61" s="41"/>
      <c r="W61" s="42"/>
      <c r="X61" s="42"/>
      <c r="Y61" s="42"/>
      <c r="Z61" s="42"/>
      <c r="AA61" s="43"/>
    </row>
    <row r="62" spans="2:27" ht="24.95" customHeight="1">
      <c r="B62" s="15">
        <v>46</v>
      </c>
      <c r="C62" s="35"/>
      <c r="D62" s="36"/>
      <c r="E62" s="37"/>
      <c r="F62" s="38"/>
      <c r="G62" s="39"/>
      <c r="H62" s="39"/>
      <c r="I62" s="39"/>
      <c r="J62" s="40"/>
      <c r="K62" s="38"/>
      <c r="L62" s="39"/>
      <c r="M62" s="39"/>
      <c r="N62" s="39"/>
      <c r="O62" s="40"/>
      <c r="P62" s="15"/>
      <c r="Q62" s="35"/>
      <c r="R62" s="36"/>
      <c r="S62" s="37"/>
      <c r="T62" s="15"/>
      <c r="U62" s="14" t="str">
        <f t="shared" si="1"/>
        <v/>
      </c>
      <c r="V62" s="41"/>
      <c r="W62" s="42"/>
      <c r="X62" s="42"/>
      <c r="Y62" s="42"/>
      <c r="Z62" s="42"/>
      <c r="AA62" s="43"/>
    </row>
    <row r="63" spans="2:27" ht="24.95" customHeight="1">
      <c r="B63" s="15">
        <v>47</v>
      </c>
      <c r="C63" s="35"/>
      <c r="D63" s="36"/>
      <c r="E63" s="37"/>
      <c r="F63" s="38"/>
      <c r="G63" s="39"/>
      <c r="H63" s="39"/>
      <c r="I63" s="39"/>
      <c r="J63" s="40"/>
      <c r="K63" s="38"/>
      <c r="L63" s="39"/>
      <c r="M63" s="39"/>
      <c r="N63" s="39"/>
      <c r="O63" s="40"/>
      <c r="P63" s="15"/>
      <c r="Q63" s="35"/>
      <c r="R63" s="36"/>
      <c r="S63" s="37"/>
      <c r="T63" s="15"/>
      <c r="U63" s="14" t="str">
        <f t="shared" si="1"/>
        <v/>
      </c>
      <c r="V63" s="41"/>
      <c r="W63" s="42"/>
      <c r="X63" s="42"/>
      <c r="Y63" s="42"/>
      <c r="Z63" s="42"/>
      <c r="AA63" s="43"/>
    </row>
    <row r="64" spans="2:27" ht="24.95" customHeight="1">
      <c r="B64" s="15">
        <v>48</v>
      </c>
      <c r="C64" s="35"/>
      <c r="D64" s="36"/>
      <c r="E64" s="37"/>
      <c r="F64" s="38"/>
      <c r="G64" s="39"/>
      <c r="H64" s="39"/>
      <c r="I64" s="39"/>
      <c r="J64" s="40"/>
      <c r="K64" s="38"/>
      <c r="L64" s="39"/>
      <c r="M64" s="39"/>
      <c r="N64" s="39"/>
      <c r="O64" s="40"/>
      <c r="P64" s="15"/>
      <c r="Q64" s="35"/>
      <c r="R64" s="36"/>
      <c r="S64" s="37"/>
      <c r="T64" s="15"/>
      <c r="U64" s="14" t="str">
        <f t="shared" si="1"/>
        <v/>
      </c>
      <c r="V64" s="41"/>
      <c r="W64" s="42"/>
      <c r="X64" s="42"/>
      <c r="Y64" s="42"/>
      <c r="Z64" s="42"/>
      <c r="AA64" s="43"/>
    </row>
    <row r="65" spans="2:27" ht="24.95" customHeight="1">
      <c r="B65" s="15">
        <v>49</v>
      </c>
      <c r="C65" s="35"/>
      <c r="D65" s="36"/>
      <c r="E65" s="37"/>
      <c r="F65" s="38"/>
      <c r="G65" s="39"/>
      <c r="H65" s="39"/>
      <c r="I65" s="39"/>
      <c r="J65" s="40"/>
      <c r="K65" s="38"/>
      <c r="L65" s="39"/>
      <c r="M65" s="39"/>
      <c r="N65" s="39"/>
      <c r="O65" s="40"/>
      <c r="P65" s="15"/>
      <c r="Q65" s="35"/>
      <c r="R65" s="36"/>
      <c r="S65" s="37"/>
      <c r="T65" s="15"/>
      <c r="U65" s="14" t="str">
        <f t="shared" si="1"/>
        <v/>
      </c>
      <c r="V65" s="41"/>
      <c r="W65" s="42"/>
      <c r="X65" s="42"/>
      <c r="Y65" s="42"/>
      <c r="Z65" s="42"/>
      <c r="AA65" s="43"/>
    </row>
    <row r="66" spans="2:27" ht="24.95" customHeight="1">
      <c r="B66" s="15">
        <v>50</v>
      </c>
      <c r="C66" s="35"/>
      <c r="D66" s="36"/>
      <c r="E66" s="37"/>
      <c r="F66" s="38"/>
      <c r="G66" s="39"/>
      <c r="H66" s="39"/>
      <c r="I66" s="39"/>
      <c r="J66" s="40"/>
      <c r="K66" s="38"/>
      <c r="L66" s="39"/>
      <c r="M66" s="39"/>
      <c r="N66" s="39"/>
      <c r="O66" s="40"/>
      <c r="P66" s="15"/>
      <c r="Q66" s="35"/>
      <c r="R66" s="36"/>
      <c r="S66" s="37"/>
      <c r="T66" s="15"/>
      <c r="U66" s="14" t="str">
        <f t="shared" si="1"/>
        <v/>
      </c>
      <c r="V66" s="41"/>
      <c r="W66" s="42"/>
      <c r="X66" s="42"/>
      <c r="Y66" s="42"/>
      <c r="Z66" s="42"/>
      <c r="AA66" s="43"/>
    </row>
    <row r="67" spans="2:27" ht="24.95" customHeight="1">
      <c r="B67" s="15">
        <v>51</v>
      </c>
      <c r="C67" s="35"/>
      <c r="D67" s="36"/>
      <c r="E67" s="37"/>
      <c r="F67" s="38"/>
      <c r="G67" s="39"/>
      <c r="H67" s="39"/>
      <c r="I67" s="39"/>
      <c r="J67" s="40"/>
      <c r="K67" s="38"/>
      <c r="L67" s="39"/>
      <c r="M67" s="39"/>
      <c r="N67" s="39"/>
      <c r="O67" s="40"/>
      <c r="P67" s="15"/>
      <c r="Q67" s="35"/>
      <c r="R67" s="36"/>
      <c r="S67" s="37"/>
      <c r="T67" s="15"/>
      <c r="U67" s="14" t="str">
        <f t="shared" si="1"/>
        <v/>
      </c>
      <c r="V67" s="41"/>
      <c r="W67" s="42"/>
      <c r="X67" s="42"/>
      <c r="Y67" s="42"/>
      <c r="Z67" s="42"/>
      <c r="AA67" s="43"/>
    </row>
    <row r="68" spans="2:27" ht="24.95" customHeight="1">
      <c r="B68" s="15">
        <v>52</v>
      </c>
      <c r="C68" s="35"/>
      <c r="D68" s="36"/>
      <c r="E68" s="37"/>
      <c r="F68" s="38"/>
      <c r="G68" s="39"/>
      <c r="H68" s="39"/>
      <c r="I68" s="39"/>
      <c r="J68" s="40"/>
      <c r="K68" s="38"/>
      <c r="L68" s="39"/>
      <c r="M68" s="39"/>
      <c r="N68" s="39"/>
      <c r="O68" s="40"/>
      <c r="P68" s="15"/>
      <c r="Q68" s="35"/>
      <c r="R68" s="36"/>
      <c r="S68" s="37"/>
      <c r="T68" s="15"/>
      <c r="U68" s="14" t="str">
        <f t="shared" si="1"/>
        <v/>
      </c>
      <c r="V68" s="41"/>
      <c r="W68" s="42"/>
      <c r="X68" s="42"/>
      <c r="Y68" s="42"/>
      <c r="Z68" s="42"/>
      <c r="AA68" s="43"/>
    </row>
    <row r="69" spans="2:27" ht="24.95" customHeight="1">
      <c r="B69" s="15">
        <v>53</v>
      </c>
      <c r="C69" s="35"/>
      <c r="D69" s="36"/>
      <c r="E69" s="37"/>
      <c r="F69" s="38"/>
      <c r="G69" s="39"/>
      <c r="H69" s="39"/>
      <c r="I69" s="39"/>
      <c r="J69" s="40"/>
      <c r="K69" s="38"/>
      <c r="L69" s="39"/>
      <c r="M69" s="39"/>
      <c r="N69" s="39"/>
      <c r="O69" s="40"/>
      <c r="P69" s="15"/>
      <c r="Q69" s="35"/>
      <c r="R69" s="36"/>
      <c r="S69" s="37"/>
      <c r="T69" s="15"/>
      <c r="U69" s="14" t="str">
        <f t="shared" si="1"/>
        <v/>
      </c>
      <c r="V69" s="41"/>
      <c r="W69" s="42"/>
      <c r="X69" s="42"/>
      <c r="Y69" s="42"/>
      <c r="Z69" s="42"/>
      <c r="AA69" s="43"/>
    </row>
    <row r="70" spans="2:27" ht="24.95" customHeight="1">
      <c r="B70" s="15">
        <v>54</v>
      </c>
      <c r="C70" s="35"/>
      <c r="D70" s="36"/>
      <c r="E70" s="37"/>
      <c r="F70" s="38"/>
      <c r="G70" s="39"/>
      <c r="H70" s="39"/>
      <c r="I70" s="39"/>
      <c r="J70" s="40"/>
      <c r="K70" s="38"/>
      <c r="L70" s="39"/>
      <c r="M70" s="39"/>
      <c r="N70" s="39"/>
      <c r="O70" s="40"/>
      <c r="P70" s="15"/>
      <c r="Q70" s="35"/>
      <c r="R70" s="36"/>
      <c r="S70" s="37"/>
      <c r="T70" s="15"/>
      <c r="U70" s="14" t="str">
        <f t="shared" si="1"/>
        <v/>
      </c>
      <c r="V70" s="41"/>
      <c r="W70" s="42"/>
      <c r="X70" s="42"/>
      <c r="Y70" s="42"/>
      <c r="Z70" s="42"/>
      <c r="AA70" s="43"/>
    </row>
    <row r="71" spans="2:27" ht="24.95" customHeight="1">
      <c r="B71" s="15">
        <v>55</v>
      </c>
      <c r="C71" s="35"/>
      <c r="D71" s="36"/>
      <c r="E71" s="37"/>
      <c r="F71" s="38"/>
      <c r="G71" s="39"/>
      <c r="H71" s="39"/>
      <c r="I71" s="39"/>
      <c r="J71" s="40"/>
      <c r="K71" s="38"/>
      <c r="L71" s="39"/>
      <c r="M71" s="39"/>
      <c r="N71" s="39"/>
      <c r="O71" s="40"/>
      <c r="P71" s="15"/>
      <c r="Q71" s="35"/>
      <c r="R71" s="36"/>
      <c r="S71" s="37"/>
      <c r="T71" s="15"/>
      <c r="U71" s="14" t="str">
        <f t="shared" si="1"/>
        <v/>
      </c>
      <c r="V71" s="41"/>
      <c r="W71" s="42"/>
      <c r="X71" s="42"/>
      <c r="Y71" s="42"/>
      <c r="Z71" s="42"/>
      <c r="AA71" s="43"/>
    </row>
    <row r="72" spans="2:27" ht="24.95" customHeight="1">
      <c r="B72" s="15">
        <v>56</v>
      </c>
      <c r="C72" s="35"/>
      <c r="D72" s="36"/>
      <c r="E72" s="37"/>
      <c r="F72" s="38"/>
      <c r="G72" s="39"/>
      <c r="H72" s="39"/>
      <c r="I72" s="39"/>
      <c r="J72" s="40"/>
      <c r="K72" s="38"/>
      <c r="L72" s="39"/>
      <c r="M72" s="39"/>
      <c r="N72" s="39"/>
      <c r="O72" s="40"/>
      <c r="P72" s="15"/>
      <c r="Q72" s="35"/>
      <c r="R72" s="36"/>
      <c r="S72" s="37"/>
      <c r="T72" s="15"/>
      <c r="U72" s="14" t="str">
        <f t="shared" si="1"/>
        <v/>
      </c>
      <c r="V72" s="41"/>
      <c r="W72" s="42"/>
      <c r="X72" s="42"/>
      <c r="Y72" s="42"/>
      <c r="Z72" s="42"/>
      <c r="AA72" s="43"/>
    </row>
    <row r="73" spans="2:27" ht="24.95" customHeight="1">
      <c r="B73" s="15">
        <v>57</v>
      </c>
      <c r="C73" s="35"/>
      <c r="D73" s="36"/>
      <c r="E73" s="37"/>
      <c r="F73" s="38"/>
      <c r="G73" s="39"/>
      <c r="H73" s="39"/>
      <c r="I73" s="39"/>
      <c r="J73" s="40"/>
      <c r="K73" s="38"/>
      <c r="L73" s="39"/>
      <c r="M73" s="39"/>
      <c r="N73" s="39"/>
      <c r="O73" s="40"/>
      <c r="P73" s="15"/>
      <c r="Q73" s="35"/>
      <c r="R73" s="36"/>
      <c r="S73" s="37"/>
      <c r="T73" s="15"/>
      <c r="U73" s="14" t="str">
        <f t="shared" si="1"/>
        <v/>
      </c>
      <c r="V73" s="41"/>
      <c r="W73" s="42"/>
      <c r="X73" s="42"/>
      <c r="Y73" s="42"/>
      <c r="Z73" s="42"/>
      <c r="AA73" s="43"/>
    </row>
    <row r="74" spans="2:27" ht="24.95" customHeight="1">
      <c r="B74" s="15">
        <v>58</v>
      </c>
      <c r="C74" s="35"/>
      <c r="D74" s="36"/>
      <c r="E74" s="37"/>
      <c r="F74" s="38"/>
      <c r="G74" s="39"/>
      <c r="H74" s="39"/>
      <c r="I74" s="39"/>
      <c r="J74" s="40"/>
      <c r="K74" s="38"/>
      <c r="L74" s="39"/>
      <c r="M74" s="39"/>
      <c r="N74" s="39"/>
      <c r="O74" s="40"/>
      <c r="P74" s="15"/>
      <c r="Q74" s="35"/>
      <c r="R74" s="36"/>
      <c r="S74" s="37"/>
      <c r="T74" s="15"/>
      <c r="U74" s="14" t="str">
        <f t="shared" si="1"/>
        <v/>
      </c>
      <c r="V74" s="41"/>
      <c r="W74" s="42"/>
      <c r="X74" s="42"/>
      <c r="Y74" s="42"/>
      <c r="Z74" s="42"/>
      <c r="AA74" s="43"/>
    </row>
    <row r="75" spans="2:27" ht="24.95" customHeight="1">
      <c r="B75" s="15">
        <v>59</v>
      </c>
      <c r="C75" s="35"/>
      <c r="D75" s="36"/>
      <c r="E75" s="37"/>
      <c r="F75" s="38"/>
      <c r="G75" s="39"/>
      <c r="H75" s="39"/>
      <c r="I75" s="39"/>
      <c r="J75" s="40"/>
      <c r="K75" s="38"/>
      <c r="L75" s="39"/>
      <c r="M75" s="39"/>
      <c r="N75" s="39"/>
      <c r="O75" s="40"/>
      <c r="P75" s="15"/>
      <c r="Q75" s="35"/>
      <c r="R75" s="36"/>
      <c r="S75" s="37"/>
      <c r="T75" s="15"/>
      <c r="U75" s="14" t="str">
        <f t="shared" si="1"/>
        <v/>
      </c>
      <c r="V75" s="41"/>
      <c r="W75" s="42"/>
      <c r="X75" s="42"/>
      <c r="Y75" s="42"/>
      <c r="Z75" s="42"/>
      <c r="AA75" s="43"/>
    </row>
    <row r="76" spans="2:27" ht="24.95" customHeight="1">
      <c r="B76" s="15">
        <v>60</v>
      </c>
      <c r="C76" s="35"/>
      <c r="D76" s="36"/>
      <c r="E76" s="37"/>
      <c r="F76" s="38"/>
      <c r="G76" s="39"/>
      <c r="H76" s="39"/>
      <c r="I76" s="39"/>
      <c r="J76" s="40"/>
      <c r="K76" s="38"/>
      <c r="L76" s="39"/>
      <c r="M76" s="39"/>
      <c r="N76" s="39"/>
      <c r="O76" s="40"/>
      <c r="P76" s="15"/>
      <c r="Q76" s="35"/>
      <c r="R76" s="36"/>
      <c r="S76" s="37"/>
      <c r="T76" s="15"/>
      <c r="U76" s="14" t="str">
        <f t="shared" si="1"/>
        <v/>
      </c>
      <c r="V76" s="41"/>
      <c r="W76" s="42"/>
      <c r="X76" s="42"/>
      <c r="Y76" s="42"/>
      <c r="Z76" s="42"/>
      <c r="AA76" s="43"/>
    </row>
    <row r="77" spans="2:27" ht="24.95" customHeight="1">
      <c r="B77" s="15">
        <v>61</v>
      </c>
      <c r="C77" s="35"/>
      <c r="D77" s="36"/>
      <c r="E77" s="37"/>
      <c r="F77" s="38"/>
      <c r="G77" s="39"/>
      <c r="H77" s="39"/>
      <c r="I77" s="39"/>
      <c r="J77" s="40"/>
      <c r="K77" s="38"/>
      <c r="L77" s="39"/>
      <c r="M77" s="39"/>
      <c r="N77" s="39"/>
      <c r="O77" s="40"/>
      <c r="P77" s="15"/>
      <c r="Q77" s="35"/>
      <c r="R77" s="36"/>
      <c r="S77" s="37"/>
      <c r="T77" s="15"/>
      <c r="U77" s="14" t="str">
        <f t="shared" si="1"/>
        <v/>
      </c>
      <c r="V77" s="41"/>
      <c r="W77" s="42"/>
      <c r="X77" s="42"/>
      <c r="Y77" s="42"/>
      <c r="Z77" s="42"/>
      <c r="AA77" s="43"/>
    </row>
    <row r="78" spans="2:27" ht="24.95" customHeight="1">
      <c r="B78" s="15">
        <v>62</v>
      </c>
      <c r="C78" s="35"/>
      <c r="D78" s="36"/>
      <c r="E78" s="37"/>
      <c r="F78" s="38"/>
      <c r="G78" s="39"/>
      <c r="H78" s="39"/>
      <c r="I78" s="39"/>
      <c r="J78" s="40"/>
      <c r="K78" s="38"/>
      <c r="L78" s="39"/>
      <c r="M78" s="39"/>
      <c r="N78" s="39"/>
      <c r="O78" s="40"/>
      <c r="P78" s="15"/>
      <c r="Q78" s="35"/>
      <c r="R78" s="36"/>
      <c r="S78" s="37"/>
      <c r="T78" s="15"/>
      <c r="U78" s="14" t="str">
        <f t="shared" si="1"/>
        <v/>
      </c>
      <c r="V78" s="41"/>
      <c r="W78" s="42"/>
      <c r="X78" s="42"/>
      <c r="Y78" s="42"/>
      <c r="Z78" s="42"/>
      <c r="AA78" s="43"/>
    </row>
    <row r="79" spans="2:27" ht="24.95" customHeight="1">
      <c r="B79" s="15">
        <v>63</v>
      </c>
      <c r="C79" s="35"/>
      <c r="D79" s="36"/>
      <c r="E79" s="37"/>
      <c r="F79" s="38"/>
      <c r="G79" s="39"/>
      <c r="H79" s="39"/>
      <c r="I79" s="39"/>
      <c r="J79" s="40"/>
      <c r="K79" s="38"/>
      <c r="L79" s="39"/>
      <c r="M79" s="39"/>
      <c r="N79" s="39"/>
      <c r="O79" s="40"/>
      <c r="P79" s="15"/>
      <c r="Q79" s="35"/>
      <c r="R79" s="36"/>
      <c r="S79" s="37"/>
      <c r="T79" s="15"/>
      <c r="U79" s="14" t="str">
        <f t="shared" si="1"/>
        <v/>
      </c>
      <c r="V79" s="41"/>
      <c r="W79" s="42"/>
      <c r="X79" s="42"/>
      <c r="Y79" s="42"/>
      <c r="Z79" s="42"/>
      <c r="AA79" s="43"/>
    </row>
    <row r="80" spans="2:27" ht="24.95" customHeight="1">
      <c r="B80" s="15">
        <v>64</v>
      </c>
      <c r="C80" s="35"/>
      <c r="D80" s="36"/>
      <c r="E80" s="37"/>
      <c r="F80" s="38"/>
      <c r="G80" s="39"/>
      <c r="H80" s="39"/>
      <c r="I80" s="39"/>
      <c r="J80" s="40"/>
      <c r="K80" s="38"/>
      <c r="L80" s="39"/>
      <c r="M80" s="39"/>
      <c r="N80" s="39"/>
      <c r="O80" s="40"/>
      <c r="P80" s="15"/>
      <c r="Q80" s="35"/>
      <c r="R80" s="36"/>
      <c r="S80" s="37"/>
      <c r="T80" s="15"/>
      <c r="U80" s="14" t="str">
        <f t="shared" si="1"/>
        <v/>
      </c>
      <c r="V80" s="41"/>
      <c r="W80" s="42"/>
      <c r="X80" s="42"/>
      <c r="Y80" s="42"/>
      <c r="Z80" s="42"/>
      <c r="AA80" s="43"/>
    </row>
    <row r="81" spans="2:27" ht="24.95" customHeight="1">
      <c r="B81" s="15">
        <v>65</v>
      </c>
      <c r="C81" s="35"/>
      <c r="D81" s="36"/>
      <c r="E81" s="37"/>
      <c r="F81" s="38"/>
      <c r="G81" s="39"/>
      <c r="H81" s="39"/>
      <c r="I81" s="39"/>
      <c r="J81" s="40"/>
      <c r="K81" s="38"/>
      <c r="L81" s="39"/>
      <c r="M81" s="39"/>
      <c r="N81" s="39"/>
      <c r="O81" s="40"/>
      <c r="P81" s="15"/>
      <c r="Q81" s="35"/>
      <c r="R81" s="36"/>
      <c r="S81" s="37"/>
      <c r="T81" s="15"/>
      <c r="U81" s="14" t="str">
        <f t="shared" si="1"/>
        <v/>
      </c>
      <c r="V81" s="41"/>
      <c r="W81" s="42"/>
      <c r="X81" s="42"/>
      <c r="Y81" s="42"/>
      <c r="Z81" s="42"/>
      <c r="AA81" s="43"/>
    </row>
    <row r="82" spans="2:27" ht="24.95" customHeight="1">
      <c r="B82" s="15">
        <v>66</v>
      </c>
      <c r="C82" s="35"/>
      <c r="D82" s="36"/>
      <c r="E82" s="37"/>
      <c r="F82" s="38"/>
      <c r="G82" s="39"/>
      <c r="H82" s="39"/>
      <c r="I82" s="39"/>
      <c r="J82" s="40"/>
      <c r="K82" s="38"/>
      <c r="L82" s="39"/>
      <c r="M82" s="39"/>
      <c r="N82" s="39"/>
      <c r="O82" s="40"/>
      <c r="P82" s="15"/>
      <c r="Q82" s="35"/>
      <c r="R82" s="36"/>
      <c r="S82" s="37"/>
      <c r="T82" s="15"/>
      <c r="U82" s="14" t="str">
        <f t="shared" si="1"/>
        <v/>
      </c>
      <c r="V82" s="41"/>
      <c r="W82" s="42"/>
      <c r="X82" s="42"/>
      <c r="Y82" s="42"/>
      <c r="Z82" s="42"/>
      <c r="AA82" s="43"/>
    </row>
    <row r="83" spans="2:27" ht="24.95" customHeight="1">
      <c r="B83" s="15">
        <v>67</v>
      </c>
      <c r="C83" s="35"/>
      <c r="D83" s="36"/>
      <c r="E83" s="37"/>
      <c r="F83" s="38"/>
      <c r="G83" s="39"/>
      <c r="H83" s="39"/>
      <c r="I83" s="39"/>
      <c r="J83" s="40"/>
      <c r="K83" s="38"/>
      <c r="L83" s="39"/>
      <c r="M83" s="39"/>
      <c r="N83" s="39"/>
      <c r="O83" s="40"/>
      <c r="P83" s="15"/>
      <c r="Q83" s="35"/>
      <c r="R83" s="36"/>
      <c r="S83" s="37"/>
      <c r="T83" s="15"/>
      <c r="U83" s="14" t="str">
        <f t="shared" si="1"/>
        <v/>
      </c>
      <c r="V83" s="41"/>
      <c r="W83" s="42"/>
      <c r="X83" s="42"/>
      <c r="Y83" s="42"/>
      <c r="Z83" s="42"/>
      <c r="AA83" s="43"/>
    </row>
    <row r="84" spans="2:27" ht="24.95" customHeight="1">
      <c r="B84" s="15">
        <v>68</v>
      </c>
      <c r="C84" s="35"/>
      <c r="D84" s="36"/>
      <c r="E84" s="37"/>
      <c r="F84" s="38"/>
      <c r="G84" s="39"/>
      <c r="H84" s="39"/>
      <c r="I84" s="39"/>
      <c r="J84" s="40"/>
      <c r="K84" s="38"/>
      <c r="L84" s="39"/>
      <c r="M84" s="39"/>
      <c r="N84" s="39"/>
      <c r="O84" s="40"/>
      <c r="P84" s="15"/>
      <c r="Q84" s="35"/>
      <c r="R84" s="36"/>
      <c r="S84" s="37"/>
      <c r="T84" s="15"/>
      <c r="U84" s="14" t="str">
        <f t="shared" si="1"/>
        <v/>
      </c>
      <c r="V84" s="41"/>
      <c r="W84" s="42"/>
      <c r="X84" s="42"/>
      <c r="Y84" s="42"/>
      <c r="Z84" s="42"/>
      <c r="AA84" s="43"/>
    </row>
    <row r="85" spans="2:27" ht="24.95" customHeight="1">
      <c r="B85" s="15">
        <v>69</v>
      </c>
      <c r="C85" s="35"/>
      <c r="D85" s="36"/>
      <c r="E85" s="37"/>
      <c r="F85" s="38"/>
      <c r="G85" s="39"/>
      <c r="H85" s="39"/>
      <c r="I85" s="39"/>
      <c r="J85" s="40"/>
      <c r="K85" s="38"/>
      <c r="L85" s="39"/>
      <c r="M85" s="39"/>
      <c r="N85" s="39"/>
      <c r="O85" s="40"/>
      <c r="P85" s="15"/>
      <c r="Q85" s="35"/>
      <c r="R85" s="36"/>
      <c r="S85" s="37"/>
      <c r="T85" s="15"/>
      <c r="U85" s="14" t="str">
        <f t="shared" si="1"/>
        <v/>
      </c>
      <c r="V85" s="41"/>
      <c r="W85" s="42"/>
      <c r="X85" s="42"/>
      <c r="Y85" s="42"/>
      <c r="Z85" s="42"/>
      <c r="AA85" s="43"/>
    </row>
    <row r="86" spans="2:27" ht="24.95" customHeight="1">
      <c r="B86" s="15">
        <v>70</v>
      </c>
      <c r="C86" s="35"/>
      <c r="D86" s="36"/>
      <c r="E86" s="37"/>
      <c r="F86" s="38"/>
      <c r="G86" s="39"/>
      <c r="H86" s="39"/>
      <c r="I86" s="39"/>
      <c r="J86" s="40"/>
      <c r="K86" s="38"/>
      <c r="L86" s="39"/>
      <c r="M86" s="39"/>
      <c r="N86" s="39"/>
      <c r="O86" s="40"/>
      <c r="P86" s="15"/>
      <c r="Q86" s="35"/>
      <c r="R86" s="36"/>
      <c r="S86" s="37"/>
      <c r="T86" s="15"/>
      <c r="U86" s="14" t="str">
        <f t="shared" si="1"/>
        <v/>
      </c>
      <c r="V86" s="41"/>
      <c r="W86" s="42"/>
      <c r="X86" s="42"/>
      <c r="Y86" s="42"/>
      <c r="Z86" s="42"/>
      <c r="AA86" s="43"/>
    </row>
    <row r="87" spans="2:27" ht="24.95" customHeight="1">
      <c r="B87" s="15">
        <v>71</v>
      </c>
      <c r="C87" s="35"/>
      <c r="D87" s="36"/>
      <c r="E87" s="37"/>
      <c r="F87" s="38"/>
      <c r="G87" s="39"/>
      <c r="H87" s="39"/>
      <c r="I87" s="39"/>
      <c r="J87" s="40"/>
      <c r="K87" s="38"/>
      <c r="L87" s="39"/>
      <c r="M87" s="39"/>
      <c r="N87" s="39"/>
      <c r="O87" s="40"/>
      <c r="P87" s="15"/>
      <c r="Q87" s="35"/>
      <c r="R87" s="36"/>
      <c r="S87" s="37"/>
      <c r="T87" s="15"/>
      <c r="U87" s="14" t="str">
        <f t="shared" si="1"/>
        <v/>
      </c>
      <c r="V87" s="41"/>
      <c r="W87" s="42"/>
      <c r="X87" s="42"/>
      <c r="Y87" s="42"/>
      <c r="Z87" s="42"/>
      <c r="AA87" s="43"/>
    </row>
    <row r="88" spans="2:27" ht="24.95" customHeight="1">
      <c r="B88" s="15">
        <v>72</v>
      </c>
      <c r="C88" s="35"/>
      <c r="D88" s="36"/>
      <c r="E88" s="37"/>
      <c r="F88" s="38"/>
      <c r="G88" s="39"/>
      <c r="H88" s="39"/>
      <c r="I88" s="39"/>
      <c r="J88" s="40"/>
      <c r="K88" s="38"/>
      <c r="L88" s="39"/>
      <c r="M88" s="39"/>
      <c r="N88" s="39"/>
      <c r="O88" s="40"/>
      <c r="P88" s="15"/>
      <c r="Q88" s="35"/>
      <c r="R88" s="36"/>
      <c r="S88" s="37"/>
      <c r="T88" s="15"/>
      <c r="U88" s="14" t="str">
        <f t="shared" si="1"/>
        <v/>
      </c>
      <c r="V88" s="41"/>
      <c r="W88" s="42"/>
      <c r="X88" s="42"/>
      <c r="Y88" s="42"/>
      <c r="Z88" s="42"/>
      <c r="AA88" s="43"/>
    </row>
    <row r="89" spans="2:27" ht="24.95" customHeight="1">
      <c r="B89" s="15">
        <v>73</v>
      </c>
      <c r="C89" s="35"/>
      <c r="D89" s="36"/>
      <c r="E89" s="37"/>
      <c r="F89" s="38"/>
      <c r="G89" s="39"/>
      <c r="H89" s="39"/>
      <c r="I89" s="39"/>
      <c r="J89" s="40"/>
      <c r="K89" s="38"/>
      <c r="L89" s="39"/>
      <c r="M89" s="39"/>
      <c r="N89" s="39"/>
      <c r="O89" s="40"/>
      <c r="P89" s="15"/>
      <c r="Q89" s="35"/>
      <c r="R89" s="36"/>
      <c r="S89" s="37"/>
      <c r="T89" s="15"/>
      <c r="U89" s="14" t="str">
        <f t="shared" si="1"/>
        <v/>
      </c>
      <c r="V89" s="41"/>
      <c r="W89" s="42"/>
      <c r="X89" s="42"/>
      <c r="Y89" s="42"/>
      <c r="Z89" s="42"/>
      <c r="AA89" s="43"/>
    </row>
    <row r="90" spans="2:27" ht="24.95" customHeight="1">
      <c r="B90" s="15">
        <v>74</v>
      </c>
      <c r="C90" s="35"/>
      <c r="D90" s="36"/>
      <c r="E90" s="37"/>
      <c r="F90" s="38"/>
      <c r="G90" s="39"/>
      <c r="H90" s="39"/>
      <c r="I90" s="39"/>
      <c r="J90" s="40"/>
      <c r="K90" s="38"/>
      <c r="L90" s="39"/>
      <c r="M90" s="39"/>
      <c r="N90" s="39"/>
      <c r="O90" s="40"/>
      <c r="P90" s="15"/>
      <c r="Q90" s="35"/>
      <c r="R90" s="36"/>
      <c r="S90" s="37"/>
      <c r="T90" s="15"/>
      <c r="U90" s="14" t="str">
        <f t="shared" si="1"/>
        <v/>
      </c>
      <c r="V90" s="41"/>
      <c r="W90" s="42"/>
      <c r="X90" s="42"/>
      <c r="Y90" s="42"/>
      <c r="Z90" s="42"/>
      <c r="AA90" s="43"/>
    </row>
    <row r="91" spans="2:27" ht="24.95" customHeight="1">
      <c r="B91" s="15">
        <v>75</v>
      </c>
      <c r="C91" s="35"/>
      <c r="D91" s="36"/>
      <c r="E91" s="37"/>
      <c r="F91" s="38"/>
      <c r="G91" s="39"/>
      <c r="H91" s="39"/>
      <c r="I91" s="39"/>
      <c r="J91" s="40"/>
      <c r="K91" s="38"/>
      <c r="L91" s="39"/>
      <c r="M91" s="39"/>
      <c r="N91" s="39"/>
      <c r="O91" s="40"/>
      <c r="P91" s="15"/>
      <c r="Q91" s="35"/>
      <c r="R91" s="36"/>
      <c r="S91" s="37"/>
      <c r="T91" s="15"/>
      <c r="U91" s="14" t="str">
        <f t="shared" si="1"/>
        <v/>
      </c>
      <c r="V91" s="41"/>
      <c r="W91" s="42"/>
      <c r="X91" s="42"/>
      <c r="Y91" s="42"/>
      <c r="Z91" s="42"/>
      <c r="AA91" s="43"/>
    </row>
    <row r="92" spans="2:27" ht="24.95" customHeight="1">
      <c r="B92" s="15">
        <v>76</v>
      </c>
      <c r="C92" s="35"/>
      <c r="D92" s="36"/>
      <c r="E92" s="37"/>
      <c r="F92" s="38"/>
      <c r="G92" s="39"/>
      <c r="H92" s="39"/>
      <c r="I92" s="39"/>
      <c r="J92" s="40"/>
      <c r="K92" s="38"/>
      <c r="L92" s="39"/>
      <c r="M92" s="39"/>
      <c r="N92" s="39"/>
      <c r="O92" s="40"/>
      <c r="P92" s="15"/>
      <c r="Q92" s="35"/>
      <c r="R92" s="36"/>
      <c r="S92" s="37"/>
      <c r="T92" s="15"/>
      <c r="U92" s="14" t="str">
        <f t="shared" si="1"/>
        <v/>
      </c>
      <c r="V92" s="41"/>
      <c r="W92" s="42"/>
      <c r="X92" s="42"/>
      <c r="Y92" s="42"/>
      <c r="Z92" s="42"/>
      <c r="AA92" s="43"/>
    </row>
    <row r="93" spans="2:27" ht="24.95" customHeight="1">
      <c r="B93" s="15">
        <v>77</v>
      </c>
      <c r="C93" s="35"/>
      <c r="D93" s="36"/>
      <c r="E93" s="37"/>
      <c r="F93" s="38"/>
      <c r="G93" s="39"/>
      <c r="H93" s="39"/>
      <c r="I93" s="39"/>
      <c r="J93" s="40"/>
      <c r="K93" s="38"/>
      <c r="L93" s="39"/>
      <c r="M93" s="39"/>
      <c r="N93" s="39"/>
      <c r="O93" s="40"/>
      <c r="P93" s="15"/>
      <c r="Q93" s="35"/>
      <c r="R93" s="36"/>
      <c r="S93" s="37"/>
      <c r="T93" s="15"/>
      <c r="U93" s="14" t="str">
        <f t="shared" si="1"/>
        <v/>
      </c>
      <c r="V93" s="41"/>
      <c r="W93" s="42"/>
      <c r="X93" s="42"/>
      <c r="Y93" s="42"/>
      <c r="Z93" s="42"/>
      <c r="AA93" s="43"/>
    </row>
    <row r="94" spans="2:27" ht="24.95" customHeight="1">
      <c r="B94" s="15">
        <v>78</v>
      </c>
      <c r="C94" s="35"/>
      <c r="D94" s="36"/>
      <c r="E94" s="37"/>
      <c r="F94" s="38"/>
      <c r="G94" s="39"/>
      <c r="H94" s="39"/>
      <c r="I94" s="39"/>
      <c r="J94" s="40"/>
      <c r="K94" s="38"/>
      <c r="L94" s="39"/>
      <c r="M94" s="39"/>
      <c r="N94" s="39"/>
      <c r="O94" s="40"/>
      <c r="P94" s="15"/>
      <c r="Q94" s="35"/>
      <c r="R94" s="36"/>
      <c r="S94" s="37"/>
      <c r="T94" s="15"/>
      <c r="U94" s="14" t="str">
        <f t="shared" si="1"/>
        <v/>
      </c>
      <c r="V94" s="41"/>
      <c r="W94" s="42"/>
      <c r="X94" s="42"/>
      <c r="Y94" s="42"/>
      <c r="Z94" s="42"/>
      <c r="AA94" s="43"/>
    </row>
    <row r="95" spans="2:27" ht="24.95" customHeight="1">
      <c r="B95" s="15">
        <v>79</v>
      </c>
      <c r="C95" s="35"/>
      <c r="D95" s="36"/>
      <c r="E95" s="37"/>
      <c r="F95" s="38"/>
      <c r="G95" s="39"/>
      <c r="H95" s="39"/>
      <c r="I95" s="39"/>
      <c r="J95" s="40"/>
      <c r="K95" s="38"/>
      <c r="L95" s="39"/>
      <c r="M95" s="39"/>
      <c r="N95" s="39"/>
      <c r="O95" s="40"/>
      <c r="P95" s="15"/>
      <c r="Q95" s="35"/>
      <c r="R95" s="36"/>
      <c r="S95" s="37"/>
      <c r="T95" s="15"/>
      <c r="U95" s="14" t="str">
        <f t="shared" si="1"/>
        <v/>
      </c>
      <c r="V95" s="41"/>
      <c r="W95" s="42"/>
      <c r="X95" s="42"/>
      <c r="Y95" s="42"/>
      <c r="Z95" s="42"/>
      <c r="AA95" s="43"/>
    </row>
    <row r="96" spans="2:27" ht="24.95" customHeight="1">
      <c r="B96" s="15">
        <v>80</v>
      </c>
      <c r="C96" s="35"/>
      <c r="D96" s="36"/>
      <c r="E96" s="37"/>
      <c r="F96" s="38"/>
      <c r="G96" s="39"/>
      <c r="H96" s="39"/>
      <c r="I96" s="39"/>
      <c r="J96" s="40"/>
      <c r="K96" s="38"/>
      <c r="L96" s="39"/>
      <c r="M96" s="39"/>
      <c r="N96" s="39"/>
      <c r="O96" s="40"/>
      <c r="P96" s="15"/>
      <c r="Q96" s="35"/>
      <c r="R96" s="36"/>
      <c r="S96" s="37"/>
      <c r="T96" s="15"/>
      <c r="U96" s="14" t="str">
        <f>IF(ISBLANK($T96),"",IF(T96&gt;=70,"合","否"))</f>
        <v/>
      </c>
      <c r="V96" s="41"/>
      <c r="W96" s="42"/>
      <c r="X96" s="42"/>
      <c r="Y96" s="42"/>
      <c r="Z96" s="42"/>
      <c r="AA96" s="43"/>
    </row>
    <row r="101" spans="11:15">
      <c r="K101" s="17"/>
      <c r="L101" s="17"/>
      <c r="M101" s="17"/>
      <c r="N101" s="17"/>
      <c r="O101" s="17"/>
    </row>
  </sheetData>
  <mergeCells count="419">
    <mergeCell ref="F55:J55"/>
    <mergeCell ref="K55:O55"/>
    <mergeCell ref="Q55:S55"/>
    <mergeCell ref="V55:AA55"/>
    <mergeCell ref="F53:J53"/>
    <mergeCell ref="K53:O53"/>
    <mergeCell ref="Q53:S53"/>
    <mergeCell ref="V53:AA53"/>
    <mergeCell ref="C54:E54"/>
    <mergeCell ref="F54:J54"/>
    <mergeCell ref="K54:O54"/>
    <mergeCell ref="Q54:S54"/>
    <mergeCell ref="V54:AA54"/>
    <mergeCell ref="F51:J51"/>
    <mergeCell ref="K51:O51"/>
    <mergeCell ref="Q51:S51"/>
    <mergeCell ref="V51:AA51"/>
    <mergeCell ref="C52:E52"/>
    <mergeCell ref="F52:J52"/>
    <mergeCell ref="K52:O52"/>
    <mergeCell ref="Q52:S52"/>
    <mergeCell ref="V52:AA52"/>
    <mergeCell ref="F49:J49"/>
    <mergeCell ref="K49:O49"/>
    <mergeCell ref="Q49:S49"/>
    <mergeCell ref="V49:AA49"/>
    <mergeCell ref="C50:E50"/>
    <mergeCell ref="F50:J50"/>
    <mergeCell ref="K50:O50"/>
    <mergeCell ref="Q50:S50"/>
    <mergeCell ref="V50:AA50"/>
    <mergeCell ref="F47:J47"/>
    <mergeCell ref="K47:O47"/>
    <mergeCell ref="Q47:S47"/>
    <mergeCell ref="V47:AA47"/>
    <mergeCell ref="C48:E48"/>
    <mergeCell ref="F48:J48"/>
    <mergeCell ref="K48:O48"/>
    <mergeCell ref="Q48:S48"/>
    <mergeCell ref="V48:AA48"/>
    <mergeCell ref="Q44:S44"/>
    <mergeCell ref="V44:AA44"/>
    <mergeCell ref="F45:J45"/>
    <mergeCell ref="K45:O45"/>
    <mergeCell ref="Q45:S45"/>
    <mergeCell ref="V45:AA45"/>
    <mergeCell ref="C46:E46"/>
    <mergeCell ref="F46:J46"/>
    <mergeCell ref="K46:O46"/>
    <mergeCell ref="Q46:S46"/>
    <mergeCell ref="V46:AA46"/>
    <mergeCell ref="V41:AA41"/>
    <mergeCell ref="C42:E42"/>
    <mergeCell ref="F42:J42"/>
    <mergeCell ref="K42:O42"/>
    <mergeCell ref="Q42:S42"/>
    <mergeCell ref="V42:AA42"/>
    <mergeCell ref="F43:J43"/>
    <mergeCell ref="K43:O43"/>
    <mergeCell ref="Q43:S43"/>
    <mergeCell ref="V43:AA43"/>
    <mergeCell ref="B1:AA1"/>
    <mergeCell ref="B2:AA2"/>
    <mergeCell ref="B3:AA3"/>
    <mergeCell ref="U6:V7"/>
    <mergeCell ref="W6:X7"/>
    <mergeCell ref="U9:V9"/>
    <mergeCell ref="W8:X8"/>
    <mergeCell ref="W9:X9"/>
    <mergeCell ref="B5:E5"/>
    <mergeCell ref="B6:E7"/>
    <mergeCell ref="U5:X5"/>
    <mergeCell ref="U8:V8"/>
    <mergeCell ref="C18:E18"/>
    <mergeCell ref="C17:E17"/>
    <mergeCell ref="C19:E19"/>
    <mergeCell ref="C20:E20"/>
    <mergeCell ref="C21:E21"/>
    <mergeCell ref="C16:E16"/>
    <mergeCell ref="F16:J16"/>
    <mergeCell ref="F17:J17"/>
    <mergeCell ref="F18:J18"/>
    <mergeCell ref="F19:J19"/>
    <mergeCell ref="F20:J20"/>
    <mergeCell ref="F21:J21"/>
    <mergeCell ref="K27:O27"/>
    <mergeCell ref="K28:O28"/>
    <mergeCell ref="F5:S5"/>
    <mergeCell ref="F6:S7"/>
    <mergeCell ref="K16:O16"/>
    <mergeCell ref="Q16:S16"/>
    <mergeCell ref="K17:O17"/>
    <mergeCell ref="K18:O18"/>
    <mergeCell ref="K19:O19"/>
    <mergeCell ref="K20:O20"/>
    <mergeCell ref="K21:O21"/>
    <mergeCell ref="F22:J22"/>
    <mergeCell ref="F23:J23"/>
    <mergeCell ref="F24:J24"/>
    <mergeCell ref="F25:J25"/>
    <mergeCell ref="Q27:S27"/>
    <mergeCell ref="Q17:S17"/>
    <mergeCell ref="Q18:S18"/>
    <mergeCell ref="K23:O23"/>
    <mergeCell ref="K24:O24"/>
    <mergeCell ref="K25:O25"/>
    <mergeCell ref="K26:O26"/>
    <mergeCell ref="F26:J26"/>
    <mergeCell ref="Q26:S26"/>
    <mergeCell ref="C29:E29"/>
    <mergeCell ref="C30:E30"/>
    <mergeCell ref="C31:E31"/>
    <mergeCell ref="C22:E22"/>
    <mergeCell ref="C23:E23"/>
    <mergeCell ref="C24:E24"/>
    <mergeCell ref="C25:E25"/>
    <mergeCell ref="C26:E26"/>
    <mergeCell ref="C37:E37"/>
    <mergeCell ref="C27:E27"/>
    <mergeCell ref="C28:E28"/>
    <mergeCell ref="C38:E38"/>
    <mergeCell ref="C39:E39"/>
    <mergeCell ref="C40:E40"/>
    <mergeCell ref="C56:E56"/>
    <mergeCell ref="C32:E32"/>
    <mergeCell ref="C33:E33"/>
    <mergeCell ref="C34:E34"/>
    <mergeCell ref="C35:E35"/>
    <mergeCell ref="C36:E36"/>
    <mergeCell ref="C41:E41"/>
    <mergeCell ref="C43:E43"/>
    <mergeCell ref="C45:E45"/>
    <mergeCell ref="C47:E47"/>
    <mergeCell ref="C49:E49"/>
    <mergeCell ref="C51:E51"/>
    <mergeCell ref="C53:E53"/>
    <mergeCell ref="C55:E55"/>
    <mergeCell ref="C44:E44"/>
    <mergeCell ref="F27:J27"/>
    <mergeCell ref="F28:J28"/>
    <mergeCell ref="F29:J29"/>
    <mergeCell ref="F30:J30"/>
    <mergeCell ref="F31:J31"/>
    <mergeCell ref="F37:J37"/>
    <mergeCell ref="F38:J38"/>
    <mergeCell ref="F39:J39"/>
    <mergeCell ref="F40:J40"/>
    <mergeCell ref="Q29:S29"/>
    <mergeCell ref="Q30:S30"/>
    <mergeCell ref="Q31:S31"/>
    <mergeCell ref="Q32:S32"/>
    <mergeCell ref="K37:O37"/>
    <mergeCell ref="F56:J56"/>
    <mergeCell ref="F32:J32"/>
    <mergeCell ref="F33:J33"/>
    <mergeCell ref="F34:J34"/>
    <mergeCell ref="F35:J35"/>
    <mergeCell ref="F36:J36"/>
    <mergeCell ref="K40:O40"/>
    <mergeCell ref="K56:O56"/>
    <mergeCell ref="K32:O32"/>
    <mergeCell ref="K33:O33"/>
    <mergeCell ref="K34:O34"/>
    <mergeCell ref="K35:O35"/>
    <mergeCell ref="K36:O36"/>
    <mergeCell ref="K29:O29"/>
    <mergeCell ref="F41:J41"/>
    <mergeCell ref="K41:O41"/>
    <mergeCell ref="Q41:S41"/>
    <mergeCell ref="F44:J44"/>
    <mergeCell ref="K44:O44"/>
    <mergeCell ref="Q22:S22"/>
    <mergeCell ref="Q23:S23"/>
    <mergeCell ref="Q24:S24"/>
    <mergeCell ref="Q25:S25"/>
    <mergeCell ref="K30:O30"/>
    <mergeCell ref="K31:O31"/>
    <mergeCell ref="Q40:S40"/>
    <mergeCell ref="Q56:S56"/>
    <mergeCell ref="V16:AA16"/>
    <mergeCell ref="V17:AA17"/>
    <mergeCell ref="V18:AA18"/>
    <mergeCell ref="V19:AA19"/>
    <mergeCell ref="V20:AA20"/>
    <mergeCell ref="V21:AA21"/>
    <mergeCell ref="V22:AA22"/>
    <mergeCell ref="V23:AA23"/>
    <mergeCell ref="V24:AA24"/>
    <mergeCell ref="V25:AA25"/>
    <mergeCell ref="Q33:S33"/>
    <mergeCell ref="Q34:S34"/>
    <mergeCell ref="Q35:S35"/>
    <mergeCell ref="Q36:S36"/>
    <mergeCell ref="Q37:S37"/>
    <mergeCell ref="Q28:S28"/>
    <mergeCell ref="Q38:S38"/>
    <mergeCell ref="K38:O38"/>
    <mergeCell ref="K39:O39"/>
    <mergeCell ref="K22:O22"/>
    <mergeCell ref="V56:AA56"/>
    <mergeCell ref="Q19:S19"/>
    <mergeCell ref="V40:AA40"/>
    <mergeCell ref="V31:AA31"/>
    <mergeCell ref="V32:AA32"/>
    <mergeCell ref="V33:AA33"/>
    <mergeCell ref="V34:AA34"/>
    <mergeCell ref="V35:AA35"/>
    <mergeCell ref="V26:AA26"/>
    <mergeCell ref="V27:AA27"/>
    <mergeCell ref="V28:AA28"/>
    <mergeCell ref="V29:AA29"/>
    <mergeCell ref="V30:AA30"/>
    <mergeCell ref="V36:AA36"/>
    <mergeCell ref="V37:AA37"/>
    <mergeCell ref="V38:AA38"/>
    <mergeCell ref="V39:AA39"/>
    <mergeCell ref="Q39:S39"/>
    <mergeCell ref="Q20:S20"/>
    <mergeCell ref="Q21:S21"/>
    <mergeCell ref="V57:AA57"/>
    <mergeCell ref="C59:E59"/>
    <mergeCell ref="F59:J59"/>
    <mergeCell ref="K59:O59"/>
    <mergeCell ref="Q59:S59"/>
    <mergeCell ref="V59:AA59"/>
    <mergeCell ref="C58:E58"/>
    <mergeCell ref="F58:J58"/>
    <mergeCell ref="K58:O58"/>
    <mergeCell ref="Q58:S58"/>
    <mergeCell ref="V58:AA58"/>
    <mergeCell ref="C57:E57"/>
    <mergeCell ref="F57:J57"/>
    <mergeCell ref="K57:O57"/>
    <mergeCell ref="Q57:S57"/>
    <mergeCell ref="C60:E60"/>
    <mergeCell ref="F60:J60"/>
    <mergeCell ref="K60:O60"/>
    <mergeCell ref="Q60:S60"/>
    <mergeCell ref="V60:AA60"/>
    <mergeCell ref="C61:E61"/>
    <mergeCell ref="F61:J61"/>
    <mergeCell ref="K61:O61"/>
    <mergeCell ref="Q61:S61"/>
    <mergeCell ref="V61:AA61"/>
    <mergeCell ref="C62:E62"/>
    <mergeCell ref="F62:J62"/>
    <mergeCell ref="K62:O62"/>
    <mergeCell ref="Q62:S62"/>
    <mergeCell ref="V62:AA62"/>
    <mergeCell ref="C63:E63"/>
    <mergeCell ref="F63:J63"/>
    <mergeCell ref="K63:O63"/>
    <mergeCell ref="Q63:S63"/>
    <mergeCell ref="V63:AA63"/>
    <mergeCell ref="C64:E64"/>
    <mergeCell ref="F64:J64"/>
    <mergeCell ref="K64:O64"/>
    <mergeCell ref="Q64:S64"/>
    <mergeCell ref="V64:AA64"/>
    <mergeCell ref="C65:E65"/>
    <mergeCell ref="F65:J65"/>
    <mergeCell ref="K65:O65"/>
    <mergeCell ref="Q65:S65"/>
    <mergeCell ref="V65:AA65"/>
    <mergeCell ref="C66:E66"/>
    <mergeCell ref="F66:J66"/>
    <mergeCell ref="K66:O66"/>
    <mergeCell ref="Q66:S66"/>
    <mergeCell ref="V66:AA66"/>
    <mergeCell ref="C67:E67"/>
    <mergeCell ref="F67:J67"/>
    <mergeCell ref="K67:O67"/>
    <mergeCell ref="Q67:S67"/>
    <mergeCell ref="V67:AA67"/>
    <mergeCell ref="C68:E68"/>
    <mergeCell ref="F68:J68"/>
    <mergeCell ref="K68:O68"/>
    <mergeCell ref="Q68:S68"/>
    <mergeCell ref="V68:AA68"/>
    <mergeCell ref="C69:E69"/>
    <mergeCell ref="F69:J69"/>
    <mergeCell ref="K69:O69"/>
    <mergeCell ref="Q69:S69"/>
    <mergeCell ref="V69:AA69"/>
    <mergeCell ref="C70:E70"/>
    <mergeCell ref="F70:J70"/>
    <mergeCell ref="K70:O70"/>
    <mergeCell ref="Q70:S70"/>
    <mergeCell ref="V70:AA70"/>
    <mergeCell ref="C71:E71"/>
    <mergeCell ref="F71:J71"/>
    <mergeCell ref="K71:O71"/>
    <mergeCell ref="Q71:S71"/>
    <mergeCell ref="V71:AA71"/>
    <mergeCell ref="C72:E72"/>
    <mergeCell ref="F72:J72"/>
    <mergeCell ref="K72:O72"/>
    <mergeCell ref="Q72:S72"/>
    <mergeCell ref="V72:AA72"/>
    <mergeCell ref="C73:E73"/>
    <mergeCell ref="F73:J73"/>
    <mergeCell ref="K73:O73"/>
    <mergeCell ref="Q73:S73"/>
    <mergeCell ref="V73:AA73"/>
    <mergeCell ref="C74:E74"/>
    <mergeCell ref="F74:J74"/>
    <mergeCell ref="K74:O74"/>
    <mergeCell ref="Q74:S74"/>
    <mergeCell ref="V74:AA74"/>
    <mergeCell ref="C75:E75"/>
    <mergeCell ref="F75:J75"/>
    <mergeCell ref="K75:O75"/>
    <mergeCell ref="Q75:S75"/>
    <mergeCell ref="V75:AA75"/>
    <mergeCell ref="C76:E76"/>
    <mergeCell ref="F76:J76"/>
    <mergeCell ref="K76:O76"/>
    <mergeCell ref="Q76:S76"/>
    <mergeCell ref="V76:AA76"/>
    <mergeCell ref="C77:E77"/>
    <mergeCell ref="F77:J77"/>
    <mergeCell ref="K77:O77"/>
    <mergeCell ref="Q77:S77"/>
    <mergeCell ref="V77:AA77"/>
    <mergeCell ref="C78:E78"/>
    <mergeCell ref="F78:J78"/>
    <mergeCell ref="K78:O78"/>
    <mergeCell ref="Q78:S78"/>
    <mergeCell ref="V78:AA78"/>
    <mergeCell ref="C79:E79"/>
    <mergeCell ref="F79:J79"/>
    <mergeCell ref="K79:O79"/>
    <mergeCell ref="Q79:S79"/>
    <mergeCell ref="V79:AA79"/>
    <mergeCell ref="C80:E80"/>
    <mergeCell ref="F80:J80"/>
    <mergeCell ref="K80:O80"/>
    <mergeCell ref="Q80:S80"/>
    <mergeCell ref="V80:AA80"/>
    <mergeCell ref="C81:E81"/>
    <mergeCell ref="F81:J81"/>
    <mergeCell ref="K81:O81"/>
    <mergeCell ref="Q81:S81"/>
    <mergeCell ref="V81:AA81"/>
    <mergeCell ref="C82:E82"/>
    <mergeCell ref="F82:J82"/>
    <mergeCell ref="K82:O82"/>
    <mergeCell ref="Q82:S82"/>
    <mergeCell ref="V82:AA82"/>
    <mergeCell ref="C83:E83"/>
    <mergeCell ref="F83:J83"/>
    <mergeCell ref="K83:O83"/>
    <mergeCell ref="Q83:S83"/>
    <mergeCell ref="V83:AA83"/>
    <mergeCell ref="C84:E84"/>
    <mergeCell ref="F84:J84"/>
    <mergeCell ref="K84:O84"/>
    <mergeCell ref="Q84:S84"/>
    <mergeCell ref="V84:AA84"/>
    <mergeCell ref="C85:E85"/>
    <mergeCell ref="F85:J85"/>
    <mergeCell ref="K85:O85"/>
    <mergeCell ref="Q85:S85"/>
    <mergeCell ref="V85:AA85"/>
    <mergeCell ref="C86:E86"/>
    <mergeCell ref="F86:J86"/>
    <mergeCell ref="K86:O86"/>
    <mergeCell ref="Q86:S86"/>
    <mergeCell ref="V86:AA86"/>
    <mergeCell ref="C87:E87"/>
    <mergeCell ref="F87:J87"/>
    <mergeCell ref="K87:O87"/>
    <mergeCell ref="Q87:S87"/>
    <mergeCell ref="V87:AA87"/>
    <mergeCell ref="C88:E88"/>
    <mergeCell ref="F88:J88"/>
    <mergeCell ref="K88:O88"/>
    <mergeCell ref="Q88:S88"/>
    <mergeCell ref="V88:AA88"/>
    <mergeCell ref="C89:E89"/>
    <mergeCell ref="F89:J89"/>
    <mergeCell ref="K89:O89"/>
    <mergeCell ref="Q89:S89"/>
    <mergeCell ref="V89:AA89"/>
    <mergeCell ref="C90:E90"/>
    <mergeCell ref="F90:J90"/>
    <mergeCell ref="K90:O90"/>
    <mergeCell ref="Q90:S90"/>
    <mergeCell ref="V90:AA90"/>
    <mergeCell ref="C91:E91"/>
    <mergeCell ref="F91:J91"/>
    <mergeCell ref="K91:O91"/>
    <mergeCell ref="Q91:S91"/>
    <mergeCell ref="V91:AA91"/>
    <mergeCell ref="C92:E92"/>
    <mergeCell ref="F92:J92"/>
    <mergeCell ref="K92:O92"/>
    <mergeCell ref="Q92:S92"/>
    <mergeCell ref="V92:AA92"/>
    <mergeCell ref="C93:E93"/>
    <mergeCell ref="F93:J93"/>
    <mergeCell ref="K93:O93"/>
    <mergeCell ref="Q93:S93"/>
    <mergeCell ref="V93:AA93"/>
    <mergeCell ref="C96:E96"/>
    <mergeCell ref="F96:J96"/>
    <mergeCell ref="K96:O96"/>
    <mergeCell ref="Q96:S96"/>
    <mergeCell ref="V96:AA96"/>
    <mergeCell ref="C94:E94"/>
    <mergeCell ref="F94:J94"/>
    <mergeCell ref="K94:O94"/>
    <mergeCell ref="Q94:S94"/>
    <mergeCell ref="V94:AA94"/>
    <mergeCell ref="C95:E95"/>
    <mergeCell ref="F95:J95"/>
    <mergeCell ref="K95:O95"/>
    <mergeCell ref="Q95:S95"/>
    <mergeCell ref="V95:AA95"/>
  </mergeCells>
  <phoneticPr fontId="1"/>
  <dataValidations count="1">
    <dataValidation type="list" allowBlank="1" showInputMessage="1" showErrorMessage="1" sqref="P17:P96" xr:uid="{00000000-0002-0000-0100-000000000000}">
      <formula1>"男,女,無回答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56" fitToHeight="0" orientation="landscape" horizontalDpi="360" verticalDpi="360" r:id="rId1"/>
  <rowBreaks count="3" manualBreakCount="3">
    <brk id="35" max="26" man="1"/>
    <brk id="69" max="26" man="1"/>
    <brk id="101" max="27" man="1"/>
  </rowBreaks>
  <colBreaks count="1" manualBreakCount="1">
    <brk id="30" max="1048575" man="1"/>
  </col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AA101"/>
  <sheetViews>
    <sheetView view="pageBreakPreview" topLeftCell="B1" zoomScale="85" zoomScaleNormal="100" zoomScaleSheetLayoutView="85" workbookViewId="0">
      <selection activeCell="B1" sqref="B1:AA1"/>
    </sheetView>
  </sheetViews>
  <sheetFormatPr defaultColWidth="8.875" defaultRowHeight="15.75"/>
  <cols>
    <col min="1" max="1" width="2.625" style="16" customWidth="1"/>
    <col min="2" max="2" width="11.125" style="16" customWidth="1"/>
    <col min="3" max="4" width="9.5" style="16" customWidth="1"/>
    <col min="5" max="5" width="5" style="16" customWidth="1"/>
    <col min="6" max="15" width="8.625" style="16" customWidth="1"/>
    <col min="16" max="24" width="8.875" style="16"/>
    <col min="25" max="28" width="3.625" style="16" customWidth="1"/>
    <col min="29" max="16384" width="8.875" style="16"/>
  </cols>
  <sheetData>
    <row r="1" spans="1:27" s="19" customFormat="1" ht="26.25">
      <c r="B1" s="50" t="s">
        <v>41</v>
      </c>
      <c r="C1" s="50"/>
      <c r="D1" s="50"/>
      <c r="E1" s="50"/>
      <c r="F1" s="50"/>
      <c r="G1" s="50"/>
      <c r="H1" s="50"/>
      <c r="I1" s="50"/>
      <c r="J1" s="50"/>
      <c r="K1" s="50"/>
      <c r="L1" s="50"/>
      <c r="M1" s="50"/>
      <c r="N1" s="50"/>
      <c r="O1" s="50"/>
      <c r="P1" s="50"/>
      <c r="Q1" s="50"/>
      <c r="R1" s="50"/>
      <c r="S1" s="50"/>
      <c r="T1" s="50"/>
      <c r="U1" s="50"/>
      <c r="V1" s="50"/>
      <c r="W1" s="50"/>
      <c r="X1" s="50"/>
      <c r="Y1" s="50"/>
      <c r="Z1" s="50"/>
      <c r="AA1" s="50"/>
    </row>
    <row r="2" spans="1:27" s="19" customFormat="1" ht="26.25">
      <c r="B2" s="50" t="s">
        <v>13</v>
      </c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  <c r="T2" s="50"/>
      <c r="U2" s="50"/>
      <c r="V2" s="50"/>
      <c r="W2" s="50"/>
      <c r="X2" s="50"/>
      <c r="Y2" s="50"/>
      <c r="Z2" s="50"/>
      <c r="AA2" s="50"/>
    </row>
    <row r="3" spans="1:27" s="19" customFormat="1" ht="26.25">
      <c r="B3" s="50" t="s">
        <v>67</v>
      </c>
      <c r="C3" s="50"/>
      <c r="D3" s="50"/>
      <c r="E3" s="50"/>
      <c r="F3" s="50"/>
      <c r="G3" s="50"/>
      <c r="H3" s="50"/>
      <c r="I3" s="50"/>
      <c r="J3" s="50"/>
      <c r="K3" s="50"/>
      <c r="L3" s="50"/>
      <c r="M3" s="50"/>
      <c r="N3" s="50"/>
      <c r="O3" s="50"/>
      <c r="P3" s="50"/>
      <c r="Q3" s="50"/>
      <c r="R3" s="50"/>
      <c r="S3" s="50"/>
      <c r="T3" s="50"/>
      <c r="U3" s="50"/>
      <c r="V3" s="50"/>
      <c r="W3" s="50"/>
      <c r="X3" s="50"/>
      <c r="Y3" s="50"/>
      <c r="Z3" s="50"/>
      <c r="AA3" s="50"/>
    </row>
    <row r="5" spans="1:27" ht="29.45" customHeight="1">
      <c r="B5" s="47" t="s">
        <v>14</v>
      </c>
      <c r="C5" s="48"/>
      <c r="D5" s="48"/>
      <c r="E5" s="49"/>
      <c r="F5" s="47" t="s">
        <v>37</v>
      </c>
      <c r="G5" s="48"/>
      <c r="H5" s="48"/>
      <c r="I5" s="48"/>
      <c r="J5" s="48"/>
      <c r="K5" s="48"/>
      <c r="L5" s="48"/>
      <c r="M5" s="48"/>
      <c r="N5" s="48"/>
      <c r="O5" s="48"/>
      <c r="P5" s="48"/>
      <c r="Q5" s="48"/>
      <c r="R5" s="48"/>
      <c r="S5" s="49"/>
      <c r="U5" s="55" t="s">
        <v>15</v>
      </c>
      <c r="V5" s="55"/>
      <c r="W5" s="55"/>
      <c r="X5" s="55"/>
    </row>
    <row r="6" spans="1:27" ht="14.25" customHeight="1">
      <c r="B6" s="52"/>
      <c r="C6" s="53"/>
      <c r="D6" s="53"/>
      <c r="E6" s="54"/>
      <c r="F6" s="35"/>
      <c r="G6" s="36"/>
      <c r="H6" s="36"/>
      <c r="I6" s="36"/>
      <c r="J6" s="36"/>
      <c r="K6" s="36"/>
      <c r="L6" s="36"/>
      <c r="M6" s="36"/>
      <c r="N6" s="36"/>
      <c r="O6" s="36"/>
      <c r="P6" s="36"/>
      <c r="Q6" s="36"/>
      <c r="R6" s="36"/>
      <c r="S6" s="37"/>
      <c r="U6" s="51" t="s">
        <v>54</v>
      </c>
      <c r="V6" s="51"/>
      <c r="W6" s="51"/>
      <c r="X6" s="51"/>
    </row>
    <row r="7" spans="1:27" ht="17.100000000000001" customHeight="1">
      <c r="B7" s="52"/>
      <c r="C7" s="53"/>
      <c r="D7" s="53"/>
      <c r="E7" s="54"/>
      <c r="F7" s="35"/>
      <c r="G7" s="36"/>
      <c r="H7" s="36"/>
      <c r="I7" s="36"/>
      <c r="J7" s="36"/>
      <c r="K7" s="36"/>
      <c r="L7" s="36"/>
      <c r="M7" s="36"/>
      <c r="N7" s="36"/>
      <c r="O7" s="36"/>
      <c r="P7" s="36"/>
      <c r="Q7" s="36"/>
      <c r="R7" s="36"/>
      <c r="S7" s="37"/>
      <c r="U7" s="51"/>
      <c r="V7" s="51"/>
      <c r="W7" s="51"/>
      <c r="X7" s="51"/>
    </row>
    <row r="8" spans="1:27" ht="30.95" customHeight="1">
      <c r="E8" s="17"/>
      <c r="F8" s="17"/>
      <c r="G8" s="17"/>
      <c r="H8" s="17"/>
      <c r="I8" s="17"/>
      <c r="J8" s="17"/>
      <c r="K8" s="17"/>
      <c r="L8" s="17"/>
      <c r="M8" s="17"/>
      <c r="N8" s="17"/>
      <c r="O8" s="17"/>
      <c r="P8" s="17"/>
      <c r="Q8" s="17"/>
      <c r="R8" s="17"/>
      <c r="S8" s="17"/>
      <c r="U8" s="51" t="s">
        <v>16</v>
      </c>
      <c r="V8" s="51"/>
      <c r="W8" s="47"/>
      <c r="X8" s="49"/>
    </row>
    <row r="9" spans="1:27" ht="33.6" customHeight="1">
      <c r="E9" s="17"/>
      <c r="F9" s="17"/>
      <c r="G9" s="17"/>
      <c r="H9" s="17"/>
      <c r="I9" s="17"/>
      <c r="J9" s="17"/>
      <c r="K9" s="17"/>
      <c r="L9" s="17"/>
      <c r="M9" s="17"/>
      <c r="N9" s="17"/>
      <c r="O9" s="17"/>
      <c r="P9" s="17"/>
      <c r="Q9" s="17"/>
      <c r="R9" s="17"/>
      <c r="S9" s="17"/>
      <c r="U9" s="47" t="s">
        <v>17</v>
      </c>
      <c r="V9" s="49"/>
      <c r="W9" s="47"/>
      <c r="X9" s="49"/>
      <c r="Y9" s="17"/>
      <c r="Z9" s="17"/>
    </row>
    <row r="10" spans="1:27" ht="30" customHeight="1">
      <c r="E10" s="17"/>
      <c r="F10" s="17"/>
      <c r="G10" s="17"/>
      <c r="H10" s="17"/>
      <c r="I10" s="17"/>
      <c r="J10" s="17"/>
      <c r="K10" s="17"/>
      <c r="L10" s="17"/>
      <c r="M10" s="17"/>
      <c r="N10" s="17"/>
      <c r="O10" s="17"/>
      <c r="P10" s="17"/>
      <c r="Q10" s="17"/>
      <c r="R10" s="17"/>
      <c r="S10" s="17"/>
      <c r="Y10" s="17"/>
      <c r="Z10" s="17"/>
    </row>
    <row r="11" spans="1:27" ht="30" customHeight="1">
      <c r="E11" s="17"/>
      <c r="F11" s="17"/>
      <c r="G11" s="17"/>
      <c r="H11" s="17"/>
      <c r="I11" s="17"/>
      <c r="J11" s="17"/>
      <c r="K11" s="17"/>
      <c r="L11" s="17"/>
      <c r="M11" s="17"/>
      <c r="N11" s="17"/>
      <c r="O11" s="17"/>
      <c r="P11" s="17"/>
      <c r="Q11" s="17"/>
      <c r="R11" s="17"/>
      <c r="S11" s="17"/>
      <c r="Y11" s="17"/>
      <c r="Z11" s="17"/>
    </row>
    <row r="12" spans="1:27" ht="30" customHeight="1">
      <c r="E12" s="17"/>
      <c r="F12" s="17"/>
      <c r="G12" s="17"/>
      <c r="H12" s="17"/>
      <c r="I12" s="17"/>
      <c r="J12" s="17"/>
      <c r="K12" s="17"/>
      <c r="L12" s="17"/>
      <c r="M12" s="17"/>
      <c r="N12" s="17"/>
      <c r="O12" s="17"/>
      <c r="P12" s="17"/>
      <c r="Q12" s="17"/>
      <c r="R12" s="17"/>
      <c r="S12" s="17"/>
      <c r="Y12" s="17"/>
      <c r="Z12" s="17"/>
    </row>
    <row r="13" spans="1:27">
      <c r="E13" s="17"/>
      <c r="F13" s="17"/>
      <c r="G13" s="17"/>
      <c r="H13" s="17"/>
      <c r="I13" s="17"/>
      <c r="J13" s="17"/>
      <c r="K13" s="17"/>
      <c r="L13" s="17"/>
      <c r="M13" s="17"/>
      <c r="N13" s="17"/>
      <c r="O13" s="17"/>
      <c r="P13" s="17"/>
      <c r="Q13" s="17"/>
      <c r="R13" s="17"/>
      <c r="S13" s="17"/>
      <c r="U13" s="17"/>
      <c r="V13" s="17"/>
    </row>
    <row r="14" spans="1:27">
      <c r="E14" s="17"/>
      <c r="F14" s="17"/>
      <c r="G14" s="17"/>
      <c r="H14" s="17"/>
      <c r="I14" s="17"/>
      <c r="J14" s="17"/>
      <c r="K14" s="17"/>
      <c r="L14" s="17"/>
      <c r="M14" s="17"/>
      <c r="N14" s="17"/>
      <c r="O14" s="17"/>
      <c r="P14" s="17"/>
      <c r="Q14" s="17"/>
      <c r="R14" s="17"/>
      <c r="S14" s="17"/>
      <c r="U14" s="17"/>
      <c r="V14" s="17"/>
    </row>
    <row r="16" spans="1:27" ht="22.5" customHeight="1">
      <c r="A16" s="17"/>
      <c r="B16" s="18" t="s">
        <v>38</v>
      </c>
      <c r="C16" s="38" t="s">
        <v>18</v>
      </c>
      <c r="D16" s="39"/>
      <c r="E16" s="40"/>
      <c r="F16" s="38" t="s">
        <v>19</v>
      </c>
      <c r="G16" s="39"/>
      <c r="H16" s="39"/>
      <c r="I16" s="39"/>
      <c r="J16" s="40"/>
      <c r="K16" s="38" t="s">
        <v>20</v>
      </c>
      <c r="L16" s="39"/>
      <c r="M16" s="39"/>
      <c r="N16" s="39"/>
      <c r="O16" s="40"/>
      <c r="P16" s="18" t="s">
        <v>21</v>
      </c>
      <c r="Q16" s="38" t="s">
        <v>40</v>
      </c>
      <c r="R16" s="39"/>
      <c r="S16" s="40"/>
      <c r="T16" s="18" t="s">
        <v>22</v>
      </c>
      <c r="U16" s="18" t="s">
        <v>23</v>
      </c>
      <c r="V16" s="44" t="s">
        <v>39</v>
      </c>
      <c r="W16" s="45"/>
      <c r="X16" s="45"/>
      <c r="Y16" s="45"/>
      <c r="Z16" s="45"/>
      <c r="AA16" s="46"/>
    </row>
    <row r="17" spans="2:27" ht="24.95" customHeight="1">
      <c r="B17" s="15">
        <v>1</v>
      </c>
      <c r="C17" s="35"/>
      <c r="D17" s="36"/>
      <c r="E17" s="37"/>
      <c r="F17" s="38"/>
      <c r="G17" s="39"/>
      <c r="H17" s="39"/>
      <c r="I17" s="39"/>
      <c r="J17" s="40"/>
      <c r="K17" s="38"/>
      <c r="L17" s="39"/>
      <c r="M17" s="39"/>
      <c r="N17" s="39"/>
      <c r="O17" s="40"/>
      <c r="P17" s="15"/>
      <c r="Q17" s="56"/>
      <c r="R17" s="36"/>
      <c r="S17" s="37"/>
      <c r="T17" s="15"/>
      <c r="U17" s="14" t="str">
        <f>IF(ISBLANK($T17),"",IF(T17&gt;=100,"合","否"))</f>
        <v/>
      </c>
      <c r="V17" s="41"/>
      <c r="W17" s="42"/>
      <c r="X17" s="42"/>
      <c r="Y17" s="42"/>
      <c r="Z17" s="42"/>
      <c r="AA17" s="43"/>
    </row>
    <row r="18" spans="2:27" ht="24.95" customHeight="1">
      <c r="B18" s="15">
        <v>2</v>
      </c>
      <c r="C18" s="35"/>
      <c r="D18" s="36"/>
      <c r="E18" s="37"/>
      <c r="F18" s="38"/>
      <c r="G18" s="39"/>
      <c r="H18" s="39"/>
      <c r="I18" s="39"/>
      <c r="J18" s="40"/>
      <c r="K18" s="38"/>
      <c r="L18" s="39"/>
      <c r="M18" s="39"/>
      <c r="N18" s="39"/>
      <c r="O18" s="40"/>
      <c r="P18" s="15"/>
      <c r="Q18" s="35"/>
      <c r="R18" s="36"/>
      <c r="S18" s="37"/>
      <c r="T18" s="15"/>
      <c r="U18" s="14" t="str">
        <f t="shared" ref="U18:U56" si="0">IF(ISBLANK($T18),"",IF(T18&gt;=100,"合","否"))</f>
        <v/>
      </c>
      <c r="V18" s="41"/>
      <c r="W18" s="42"/>
      <c r="X18" s="42"/>
      <c r="Y18" s="42"/>
      <c r="Z18" s="42"/>
      <c r="AA18" s="43"/>
    </row>
    <row r="19" spans="2:27" ht="24.95" customHeight="1">
      <c r="B19" s="15">
        <v>3</v>
      </c>
      <c r="C19" s="35"/>
      <c r="D19" s="36"/>
      <c r="E19" s="37"/>
      <c r="F19" s="38"/>
      <c r="G19" s="39"/>
      <c r="H19" s="39"/>
      <c r="I19" s="39"/>
      <c r="J19" s="40"/>
      <c r="K19" s="38"/>
      <c r="L19" s="39"/>
      <c r="M19" s="39"/>
      <c r="N19" s="39"/>
      <c r="O19" s="40"/>
      <c r="P19" s="15"/>
      <c r="Q19" s="35"/>
      <c r="R19" s="36"/>
      <c r="S19" s="37"/>
      <c r="T19" s="15"/>
      <c r="U19" s="14" t="str">
        <f t="shared" si="0"/>
        <v/>
      </c>
      <c r="V19" s="41"/>
      <c r="W19" s="42"/>
      <c r="X19" s="42"/>
      <c r="Y19" s="42"/>
      <c r="Z19" s="42"/>
      <c r="AA19" s="43"/>
    </row>
    <row r="20" spans="2:27" ht="24.95" customHeight="1">
      <c r="B20" s="15">
        <v>4</v>
      </c>
      <c r="C20" s="35"/>
      <c r="D20" s="36"/>
      <c r="E20" s="37"/>
      <c r="F20" s="38"/>
      <c r="G20" s="39"/>
      <c r="H20" s="39"/>
      <c r="I20" s="39"/>
      <c r="J20" s="40"/>
      <c r="K20" s="38"/>
      <c r="L20" s="39"/>
      <c r="M20" s="39"/>
      <c r="N20" s="39"/>
      <c r="O20" s="40"/>
      <c r="P20" s="15"/>
      <c r="Q20" s="35"/>
      <c r="R20" s="36"/>
      <c r="S20" s="37"/>
      <c r="T20" s="15"/>
      <c r="U20" s="14" t="str">
        <f t="shared" si="0"/>
        <v/>
      </c>
      <c r="V20" s="41"/>
      <c r="W20" s="42"/>
      <c r="X20" s="42"/>
      <c r="Y20" s="42"/>
      <c r="Z20" s="42"/>
      <c r="AA20" s="43"/>
    </row>
    <row r="21" spans="2:27" ht="24.95" customHeight="1">
      <c r="B21" s="15">
        <v>5</v>
      </c>
      <c r="C21" s="35"/>
      <c r="D21" s="36"/>
      <c r="E21" s="37"/>
      <c r="F21" s="38"/>
      <c r="G21" s="39"/>
      <c r="H21" s="39"/>
      <c r="I21" s="39"/>
      <c r="J21" s="40"/>
      <c r="K21" s="38"/>
      <c r="L21" s="39"/>
      <c r="M21" s="39"/>
      <c r="N21" s="39"/>
      <c r="O21" s="40"/>
      <c r="P21" s="15"/>
      <c r="Q21" s="35"/>
      <c r="R21" s="36"/>
      <c r="S21" s="37"/>
      <c r="T21" s="15"/>
      <c r="U21" s="14" t="str">
        <f t="shared" si="0"/>
        <v/>
      </c>
      <c r="V21" s="41"/>
      <c r="W21" s="42"/>
      <c r="X21" s="42"/>
      <c r="Y21" s="42"/>
      <c r="Z21" s="42"/>
      <c r="AA21" s="43"/>
    </row>
    <row r="22" spans="2:27" ht="24.95" customHeight="1">
      <c r="B22" s="15">
        <v>6</v>
      </c>
      <c r="C22" s="35"/>
      <c r="D22" s="36"/>
      <c r="E22" s="37"/>
      <c r="F22" s="38"/>
      <c r="G22" s="39"/>
      <c r="H22" s="39"/>
      <c r="I22" s="39"/>
      <c r="J22" s="40"/>
      <c r="K22" s="38"/>
      <c r="L22" s="39"/>
      <c r="M22" s="39"/>
      <c r="N22" s="39"/>
      <c r="O22" s="40"/>
      <c r="P22" s="15"/>
      <c r="Q22" s="35"/>
      <c r="R22" s="36"/>
      <c r="S22" s="37"/>
      <c r="T22" s="15"/>
      <c r="U22" s="14" t="str">
        <f t="shared" si="0"/>
        <v/>
      </c>
      <c r="V22" s="41"/>
      <c r="W22" s="42"/>
      <c r="X22" s="42"/>
      <c r="Y22" s="42"/>
      <c r="Z22" s="42"/>
      <c r="AA22" s="43"/>
    </row>
    <row r="23" spans="2:27" ht="24.95" customHeight="1">
      <c r="B23" s="15">
        <v>7</v>
      </c>
      <c r="C23" s="35"/>
      <c r="D23" s="36"/>
      <c r="E23" s="37"/>
      <c r="F23" s="38"/>
      <c r="G23" s="39"/>
      <c r="H23" s="39"/>
      <c r="I23" s="39"/>
      <c r="J23" s="40"/>
      <c r="K23" s="38"/>
      <c r="L23" s="39"/>
      <c r="M23" s="39"/>
      <c r="N23" s="39"/>
      <c r="O23" s="40"/>
      <c r="P23" s="15"/>
      <c r="Q23" s="35"/>
      <c r="R23" s="36"/>
      <c r="S23" s="37"/>
      <c r="T23" s="15"/>
      <c r="U23" s="14" t="str">
        <f t="shared" si="0"/>
        <v/>
      </c>
      <c r="V23" s="41"/>
      <c r="W23" s="42"/>
      <c r="X23" s="42"/>
      <c r="Y23" s="42"/>
      <c r="Z23" s="42"/>
      <c r="AA23" s="43"/>
    </row>
    <row r="24" spans="2:27" ht="24.95" customHeight="1">
      <c r="B24" s="15">
        <v>8</v>
      </c>
      <c r="C24" s="35"/>
      <c r="D24" s="36"/>
      <c r="E24" s="37"/>
      <c r="F24" s="38"/>
      <c r="G24" s="39"/>
      <c r="H24" s="39"/>
      <c r="I24" s="39"/>
      <c r="J24" s="40"/>
      <c r="K24" s="38"/>
      <c r="L24" s="39"/>
      <c r="M24" s="39"/>
      <c r="N24" s="39"/>
      <c r="O24" s="40"/>
      <c r="P24" s="15"/>
      <c r="Q24" s="35"/>
      <c r="R24" s="36"/>
      <c r="S24" s="37"/>
      <c r="T24" s="15"/>
      <c r="U24" s="14" t="str">
        <f t="shared" si="0"/>
        <v/>
      </c>
      <c r="V24" s="41"/>
      <c r="W24" s="42"/>
      <c r="X24" s="42"/>
      <c r="Y24" s="42"/>
      <c r="Z24" s="42"/>
      <c r="AA24" s="43"/>
    </row>
    <row r="25" spans="2:27" ht="24.95" customHeight="1">
      <c r="B25" s="15">
        <v>9</v>
      </c>
      <c r="C25" s="35"/>
      <c r="D25" s="36"/>
      <c r="E25" s="37"/>
      <c r="F25" s="38"/>
      <c r="G25" s="39"/>
      <c r="H25" s="39"/>
      <c r="I25" s="39"/>
      <c r="J25" s="40"/>
      <c r="K25" s="38"/>
      <c r="L25" s="39"/>
      <c r="M25" s="39"/>
      <c r="N25" s="39"/>
      <c r="O25" s="40"/>
      <c r="P25" s="15"/>
      <c r="Q25" s="35"/>
      <c r="R25" s="36"/>
      <c r="S25" s="37"/>
      <c r="T25" s="15"/>
      <c r="U25" s="14" t="str">
        <f t="shared" si="0"/>
        <v/>
      </c>
      <c r="V25" s="41"/>
      <c r="W25" s="42"/>
      <c r="X25" s="42"/>
      <c r="Y25" s="42"/>
      <c r="Z25" s="42"/>
      <c r="AA25" s="43"/>
    </row>
    <row r="26" spans="2:27" ht="24.95" customHeight="1">
      <c r="B26" s="15">
        <v>10</v>
      </c>
      <c r="C26" s="35"/>
      <c r="D26" s="36"/>
      <c r="E26" s="37"/>
      <c r="F26" s="38"/>
      <c r="G26" s="39"/>
      <c r="H26" s="39"/>
      <c r="I26" s="39"/>
      <c r="J26" s="40"/>
      <c r="K26" s="38"/>
      <c r="L26" s="39"/>
      <c r="M26" s="39"/>
      <c r="N26" s="39"/>
      <c r="O26" s="40"/>
      <c r="P26" s="15"/>
      <c r="Q26" s="35"/>
      <c r="R26" s="36"/>
      <c r="S26" s="37"/>
      <c r="T26" s="15"/>
      <c r="U26" s="14" t="str">
        <f t="shared" si="0"/>
        <v/>
      </c>
      <c r="V26" s="41"/>
      <c r="W26" s="42"/>
      <c r="X26" s="42"/>
      <c r="Y26" s="42"/>
      <c r="Z26" s="42"/>
      <c r="AA26" s="43"/>
    </row>
    <row r="27" spans="2:27" ht="24.95" customHeight="1">
      <c r="B27" s="15">
        <v>11</v>
      </c>
      <c r="C27" s="35"/>
      <c r="D27" s="36"/>
      <c r="E27" s="37"/>
      <c r="F27" s="38"/>
      <c r="G27" s="39"/>
      <c r="H27" s="39"/>
      <c r="I27" s="39"/>
      <c r="J27" s="40"/>
      <c r="K27" s="38"/>
      <c r="L27" s="39"/>
      <c r="M27" s="39"/>
      <c r="N27" s="39"/>
      <c r="O27" s="40"/>
      <c r="P27" s="15"/>
      <c r="Q27" s="35"/>
      <c r="R27" s="36"/>
      <c r="S27" s="37"/>
      <c r="T27" s="15"/>
      <c r="U27" s="14" t="str">
        <f t="shared" si="0"/>
        <v/>
      </c>
      <c r="V27" s="41"/>
      <c r="W27" s="42"/>
      <c r="X27" s="42"/>
      <c r="Y27" s="42"/>
      <c r="Z27" s="42"/>
      <c r="AA27" s="43"/>
    </row>
    <row r="28" spans="2:27" ht="24.95" customHeight="1">
      <c r="B28" s="15">
        <v>12</v>
      </c>
      <c r="C28" s="35"/>
      <c r="D28" s="36"/>
      <c r="E28" s="37"/>
      <c r="F28" s="38"/>
      <c r="G28" s="39"/>
      <c r="H28" s="39"/>
      <c r="I28" s="39"/>
      <c r="J28" s="40"/>
      <c r="K28" s="38"/>
      <c r="L28" s="39"/>
      <c r="M28" s="39"/>
      <c r="N28" s="39"/>
      <c r="O28" s="40"/>
      <c r="P28" s="15"/>
      <c r="Q28" s="35"/>
      <c r="R28" s="36"/>
      <c r="S28" s="37"/>
      <c r="T28" s="15"/>
      <c r="U28" s="14" t="str">
        <f t="shared" si="0"/>
        <v/>
      </c>
      <c r="V28" s="41"/>
      <c r="W28" s="42"/>
      <c r="X28" s="42"/>
      <c r="Y28" s="42"/>
      <c r="Z28" s="42"/>
      <c r="AA28" s="43"/>
    </row>
    <row r="29" spans="2:27" ht="24.95" customHeight="1">
      <c r="B29" s="15">
        <v>13</v>
      </c>
      <c r="C29" s="35"/>
      <c r="D29" s="36"/>
      <c r="E29" s="37"/>
      <c r="F29" s="38"/>
      <c r="G29" s="39"/>
      <c r="H29" s="39"/>
      <c r="I29" s="39"/>
      <c r="J29" s="40"/>
      <c r="K29" s="38"/>
      <c r="L29" s="39"/>
      <c r="M29" s="39"/>
      <c r="N29" s="39"/>
      <c r="O29" s="40"/>
      <c r="P29" s="15"/>
      <c r="Q29" s="35"/>
      <c r="R29" s="36"/>
      <c r="S29" s="37"/>
      <c r="T29" s="15"/>
      <c r="U29" s="14" t="str">
        <f t="shared" si="0"/>
        <v/>
      </c>
      <c r="V29" s="41"/>
      <c r="W29" s="42"/>
      <c r="X29" s="42"/>
      <c r="Y29" s="42"/>
      <c r="Z29" s="42"/>
      <c r="AA29" s="43"/>
    </row>
    <row r="30" spans="2:27" ht="24.95" customHeight="1">
      <c r="B30" s="15">
        <v>14</v>
      </c>
      <c r="C30" s="35"/>
      <c r="D30" s="36"/>
      <c r="E30" s="37"/>
      <c r="F30" s="38"/>
      <c r="G30" s="39"/>
      <c r="H30" s="39"/>
      <c r="I30" s="39"/>
      <c r="J30" s="40"/>
      <c r="K30" s="38"/>
      <c r="L30" s="39"/>
      <c r="M30" s="39"/>
      <c r="N30" s="39"/>
      <c r="O30" s="40"/>
      <c r="P30" s="15"/>
      <c r="Q30" s="35"/>
      <c r="R30" s="36"/>
      <c r="S30" s="37"/>
      <c r="T30" s="15"/>
      <c r="U30" s="14" t="str">
        <f t="shared" si="0"/>
        <v/>
      </c>
      <c r="V30" s="41"/>
      <c r="W30" s="42"/>
      <c r="X30" s="42"/>
      <c r="Y30" s="42"/>
      <c r="Z30" s="42"/>
      <c r="AA30" s="43"/>
    </row>
    <row r="31" spans="2:27" ht="24.95" customHeight="1">
      <c r="B31" s="15">
        <v>15</v>
      </c>
      <c r="C31" s="35"/>
      <c r="D31" s="36"/>
      <c r="E31" s="37"/>
      <c r="F31" s="38"/>
      <c r="G31" s="39"/>
      <c r="H31" s="39"/>
      <c r="I31" s="39"/>
      <c r="J31" s="40"/>
      <c r="K31" s="38"/>
      <c r="L31" s="39"/>
      <c r="M31" s="39"/>
      <c r="N31" s="39"/>
      <c r="O31" s="40"/>
      <c r="P31" s="15"/>
      <c r="Q31" s="35"/>
      <c r="R31" s="36"/>
      <c r="S31" s="37"/>
      <c r="T31" s="15"/>
      <c r="U31" s="14" t="str">
        <f t="shared" si="0"/>
        <v/>
      </c>
      <c r="V31" s="41"/>
      <c r="W31" s="42"/>
      <c r="X31" s="42"/>
      <c r="Y31" s="42"/>
      <c r="Z31" s="42"/>
      <c r="AA31" s="43"/>
    </row>
    <row r="32" spans="2:27" ht="24.95" customHeight="1">
      <c r="B32" s="15">
        <v>16</v>
      </c>
      <c r="C32" s="35"/>
      <c r="D32" s="36"/>
      <c r="E32" s="37"/>
      <c r="F32" s="38"/>
      <c r="G32" s="39"/>
      <c r="H32" s="39"/>
      <c r="I32" s="39"/>
      <c r="J32" s="40"/>
      <c r="K32" s="38"/>
      <c r="L32" s="39"/>
      <c r="M32" s="39"/>
      <c r="N32" s="39"/>
      <c r="O32" s="40"/>
      <c r="P32" s="15"/>
      <c r="Q32" s="35"/>
      <c r="R32" s="36"/>
      <c r="S32" s="37"/>
      <c r="T32" s="15"/>
      <c r="U32" s="14" t="str">
        <f t="shared" si="0"/>
        <v/>
      </c>
      <c r="V32" s="41"/>
      <c r="W32" s="42"/>
      <c r="X32" s="42"/>
      <c r="Y32" s="42"/>
      <c r="Z32" s="42"/>
      <c r="AA32" s="43"/>
    </row>
    <row r="33" spans="2:27" ht="24.95" customHeight="1">
      <c r="B33" s="15">
        <v>17</v>
      </c>
      <c r="C33" s="35"/>
      <c r="D33" s="36"/>
      <c r="E33" s="37"/>
      <c r="F33" s="38"/>
      <c r="G33" s="39"/>
      <c r="H33" s="39"/>
      <c r="I33" s="39"/>
      <c r="J33" s="40"/>
      <c r="K33" s="38"/>
      <c r="L33" s="39"/>
      <c r="M33" s="39"/>
      <c r="N33" s="39"/>
      <c r="O33" s="40"/>
      <c r="P33" s="15"/>
      <c r="Q33" s="35"/>
      <c r="R33" s="36"/>
      <c r="S33" s="37"/>
      <c r="T33" s="15"/>
      <c r="U33" s="14" t="str">
        <f t="shared" si="0"/>
        <v/>
      </c>
      <c r="V33" s="41"/>
      <c r="W33" s="42"/>
      <c r="X33" s="42"/>
      <c r="Y33" s="42"/>
      <c r="Z33" s="42"/>
      <c r="AA33" s="43"/>
    </row>
    <row r="34" spans="2:27" ht="24.95" customHeight="1">
      <c r="B34" s="15">
        <v>18</v>
      </c>
      <c r="C34" s="35"/>
      <c r="D34" s="36"/>
      <c r="E34" s="37"/>
      <c r="F34" s="38"/>
      <c r="G34" s="39"/>
      <c r="H34" s="39"/>
      <c r="I34" s="39"/>
      <c r="J34" s="40"/>
      <c r="K34" s="38"/>
      <c r="L34" s="39"/>
      <c r="M34" s="39"/>
      <c r="N34" s="39"/>
      <c r="O34" s="40"/>
      <c r="P34" s="15"/>
      <c r="Q34" s="35"/>
      <c r="R34" s="36"/>
      <c r="S34" s="37"/>
      <c r="T34" s="15"/>
      <c r="U34" s="14" t="str">
        <f t="shared" si="0"/>
        <v/>
      </c>
      <c r="V34" s="41"/>
      <c r="W34" s="42"/>
      <c r="X34" s="42"/>
      <c r="Y34" s="42"/>
      <c r="Z34" s="42"/>
      <c r="AA34" s="43"/>
    </row>
    <row r="35" spans="2:27" ht="24.95" customHeight="1">
      <c r="B35" s="15">
        <v>19</v>
      </c>
      <c r="C35" s="35"/>
      <c r="D35" s="36"/>
      <c r="E35" s="37"/>
      <c r="F35" s="38"/>
      <c r="G35" s="39"/>
      <c r="H35" s="39"/>
      <c r="I35" s="39"/>
      <c r="J35" s="40"/>
      <c r="K35" s="38"/>
      <c r="L35" s="39"/>
      <c r="M35" s="39"/>
      <c r="N35" s="39"/>
      <c r="O35" s="40"/>
      <c r="P35" s="15"/>
      <c r="Q35" s="35"/>
      <c r="R35" s="36"/>
      <c r="S35" s="37"/>
      <c r="T35" s="15"/>
      <c r="U35" s="14" t="str">
        <f t="shared" si="0"/>
        <v/>
      </c>
      <c r="V35" s="41"/>
      <c r="W35" s="42"/>
      <c r="X35" s="42"/>
      <c r="Y35" s="42"/>
      <c r="Z35" s="42"/>
      <c r="AA35" s="43"/>
    </row>
    <row r="36" spans="2:27" ht="24.95" customHeight="1">
      <c r="B36" s="15">
        <v>20</v>
      </c>
      <c r="C36" s="35"/>
      <c r="D36" s="36"/>
      <c r="E36" s="37"/>
      <c r="F36" s="38"/>
      <c r="G36" s="39"/>
      <c r="H36" s="39"/>
      <c r="I36" s="39"/>
      <c r="J36" s="40"/>
      <c r="K36" s="38"/>
      <c r="L36" s="39"/>
      <c r="M36" s="39"/>
      <c r="N36" s="39"/>
      <c r="O36" s="40"/>
      <c r="P36" s="15"/>
      <c r="Q36" s="35"/>
      <c r="R36" s="36"/>
      <c r="S36" s="37"/>
      <c r="T36" s="15"/>
      <c r="U36" s="14" t="str">
        <f t="shared" si="0"/>
        <v/>
      </c>
      <c r="V36" s="41"/>
      <c r="W36" s="42"/>
      <c r="X36" s="42"/>
      <c r="Y36" s="42"/>
      <c r="Z36" s="42"/>
      <c r="AA36" s="43"/>
    </row>
    <row r="37" spans="2:27" ht="24.95" customHeight="1">
      <c r="B37" s="15">
        <v>21</v>
      </c>
      <c r="C37" s="35"/>
      <c r="D37" s="36"/>
      <c r="E37" s="37"/>
      <c r="F37" s="38"/>
      <c r="G37" s="39"/>
      <c r="H37" s="39"/>
      <c r="I37" s="39"/>
      <c r="J37" s="40"/>
      <c r="K37" s="38"/>
      <c r="L37" s="39"/>
      <c r="M37" s="39"/>
      <c r="N37" s="39"/>
      <c r="O37" s="40"/>
      <c r="P37" s="15"/>
      <c r="Q37" s="35"/>
      <c r="R37" s="36"/>
      <c r="S37" s="37"/>
      <c r="T37" s="15"/>
      <c r="U37" s="14" t="str">
        <f t="shared" si="0"/>
        <v/>
      </c>
      <c r="V37" s="41"/>
      <c r="W37" s="42"/>
      <c r="X37" s="42"/>
      <c r="Y37" s="42"/>
      <c r="Z37" s="42"/>
      <c r="AA37" s="43"/>
    </row>
    <row r="38" spans="2:27" ht="24.95" customHeight="1">
      <c r="B38" s="15">
        <v>22</v>
      </c>
      <c r="C38" s="35"/>
      <c r="D38" s="36"/>
      <c r="E38" s="37"/>
      <c r="F38" s="38"/>
      <c r="G38" s="39"/>
      <c r="H38" s="39"/>
      <c r="I38" s="39"/>
      <c r="J38" s="40"/>
      <c r="K38" s="38"/>
      <c r="L38" s="39"/>
      <c r="M38" s="39"/>
      <c r="N38" s="39"/>
      <c r="O38" s="40"/>
      <c r="P38" s="15"/>
      <c r="Q38" s="35"/>
      <c r="R38" s="36"/>
      <c r="S38" s="37"/>
      <c r="T38" s="15"/>
      <c r="U38" s="14" t="str">
        <f t="shared" si="0"/>
        <v/>
      </c>
      <c r="V38" s="41"/>
      <c r="W38" s="42"/>
      <c r="X38" s="42"/>
      <c r="Y38" s="42"/>
      <c r="Z38" s="42"/>
      <c r="AA38" s="43"/>
    </row>
    <row r="39" spans="2:27" ht="24.95" customHeight="1">
      <c r="B39" s="15">
        <v>23</v>
      </c>
      <c r="C39" s="35"/>
      <c r="D39" s="36"/>
      <c r="E39" s="37"/>
      <c r="F39" s="38"/>
      <c r="G39" s="39"/>
      <c r="H39" s="39"/>
      <c r="I39" s="39"/>
      <c r="J39" s="40"/>
      <c r="K39" s="38"/>
      <c r="L39" s="39"/>
      <c r="M39" s="39"/>
      <c r="N39" s="39"/>
      <c r="O39" s="40"/>
      <c r="P39" s="15"/>
      <c r="Q39" s="35"/>
      <c r="R39" s="36"/>
      <c r="S39" s="37"/>
      <c r="T39" s="15"/>
      <c r="U39" s="14" t="str">
        <f t="shared" si="0"/>
        <v/>
      </c>
      <c r="V39" s="41"/>
      <c r="W39" s="42"/>
      <c r="X39" s="42"/>
      <c r="Y39" s="42"/>
      <c r="Z39" s="42"/>
      <c r="AA39" s="43"/>
    </row>
    <row r="40" spans="2:27" ht="24.95" customHeight="1">
      <c r="B40" s="15">
        <v>24</v>
      </c>
      <c r="C40" s="35"/>
      <c r="D40" s="36"/>
      <c r="E40" s="37"/>
      <c r="F40" s="38"/>
      <c r="G40" s="39"/>
      <c r="H40" s="39"/>
      <c r="I40" s="39"/>
      <c r="J40" s="40"/>
      <c r="K40" s="38"/>
      <c r="L40" s="39"/>
      <c r="M40" s="39"/>
      <c r="N40" s="39"/>
      <c r="O40" s="40"/>
      <c r="P40" s="15"/>
      <c r="Q40" s="35"/>
      <c r="R40" s="36"/>
      <c r="S40" s="37"/>
      <c r="T40" s="15"/>
      <c r="U40" s="14" t="str">
        <f t="shared" si="0"/>
        <v/>
      </c>
      <c r="V40" s="41"/>
      <c r="W40" s="42"/>
      <c r="X40" s="42"/>
      <c r="Y40" s="42"/>
      <c r="Z40" s="42"/>
      <c r="AA40" s="43"/>
    </row>
    <row r="41" spans="2:27" ht="24.95" customHeight="1">
      <c r="B41" s="15">
        <v>25</v>
      </c>
      <c r="C41" s="35"/>
      <c r="D41" s="36"/>
      <c r="E41" s="37"/>
      <c r="F41" s="38"/>
      <c r="G41" s="39"/>
      <c r="H41" s="39"/>
      <c r="I41" s="39"/>
      <c r="J41" s="40"/>
      <c r="K41" s="38"/>
      <c r="L41" s="39"/>
      <c r="M41" s="39"/>
      <c r="N41" s="39"/>
      <c r="O41" s="40"/>
      <c r="P41" s="15"/>
      <c r="Q41" s="35"/>
      <c r="R41" s="36"/>
      <c r="S41" s="37"/>
      <c r="T41" s="15"/>
      <c r="U41" s="14" t="str">
        <f t="shared" si="0"/>
        <v/>
      </c>
      <c r="V41" s="41"/>
      <c r="W41" s="42"/>
      <c r="X41" s="42"/>
      <c r="Y41" s="42"/>
      <c r="Z41" s="42"/>
      <c r="AA41" s="43"/>
    </row>
    <row r="42" spans="2:27" ht="24.95" customHeight="1">
      <c r="B42" s="15">
        <v>26</v>
      </c>
      <c r="C42" s="35"/>
      <c r="D42" s="36"/>
      <c r="E42" s="37"/>
      <c r="F42" s="38"/>
      <c r="G42" s="39"/>
      <c r="H42" s="39"/>
      <c r="I42" s="39"/>
      <c r="J42" s="40"/>
      <c r="K42" s="38"/>
      <c r="L42" s="39"/>
      <c r="M42" s="39"/>
      <c r="N42" s="39"/>
      <c r="O42" s="40"/>
      <c r="P42" s="15"/>
      <c r="Q42" s="35"/>
      <c r="R42" s="36"/>
      <c r="S42" s="37"/>
      <c r="T42" s="15"/>
      <c r="U42" s="14" t="str">
        <f t="shared" si="0"/>
        <v/>
      </c>
      <c r="V42" s="41"/>
      <c r="W42" s="42"/>
      <c r="X42" s="42"/>
      <c r="Y42" s="42"/>
      <c r="Z42" s="42"/>
      <c r="AA42" s="43"/>
    </row>
    <row r="43" spans="2:27" ht="24.95" customHeight="1">
      <c r="B43" s="15">
        <v>27</v>
      </c>
      <c r="C43" s="35"/>
      <c r="D43" s="36"/>
      <c r="E43" s="37"/>
      <c r="F43" s="38"/>
      <c r="G43" s="39"/>
      <c r="H43" s="39"/>
      <c r="I43" s="39"/>
      <c r="J43" s="40"/>
      <c r="K43" s="38"/>
      <c r="L43" s="39"/>
      <c r="M43" s="39"/>
      <c r="N43" s="39"/>
      <c r="O43" s="40"/>
      <c r="P43" s="15"/>
      <c r="Q43" s="35"/>
      <c r="R43" s="36"/>
      <c r="S43" s="37"/>
      <c r="T43" s="15"/>
      <c r="U43" s="14" t="str">
        <f t="shared" si="0"/>
        <v/>
      </c>
      <c r="V43" s="41"/>
      <c r="W43" s="42"/>
      <c r="X43" s="42"/>
      <c r="Y43" s="42"/>
      <c r="Z43" s="42"/>
      <c r="AA43" s="43"/>
    </row>
    <row r="44" spans="2:27" ht="24.95" customHeight="1">
      <c r="B44" s="15">
        <v>28</v>
      </c>
      <c r="C44" s="35"/>
      <c r="D44" s="36"/>
      <c r="E44" s="37"/>
      <c r="F44" s="38"/>
      <c r="G44" s="39"/>
      <c r="H44" s="39"/>
      <c r="I44" s="39"/>
      <c r="J44" s="40"/>
      <c r="K44" s="38"/>
      <c r="L44" s="39"/>
      <c r="M44" s="39"/>
      <c r="N44" s="39"/>
      <c r="O44" s="40"/>
      <c r="P44" s="15"/>
      <c r="Q44" s="35"/>
      <c r="R44" s="36"/>
      <c r="S44" s="37"/>
      <c r="T44" s="15"/>
      <c r="U44" s="14" t="str">
        <f t="shared" si="0"/>
        <v/>
      </c>
      <c r="V44" s="41"/>
      <c r="W44" s="42"/>
      <c r="X44" s="42"/>
      <c r="Y44" s="42"/>
      <c r="Z44" s="42"/>
      <c r="AA44" s="43"/>
    </row>
    <row r="45" spans="2:27" ht="24.95" customHeight="1">
      <c r="B45" s="15">
        <v>29</v>
      </c>
      <c r="C45" s="35"/>
      <c r="D45" s="36"/>
      <c r="E45" s="37"/>
      <c r="F45" s="38"/>
      <c r="G45" s="39"/>
      <c r="H45" s="39"/>
      <c r="I45" s="39"/>
      <c r="J45" s="40"/>
      <c r="K45" s="38"/>
      <c r="L45" s="39"/>
      <c r="M45" s="39"/>
      <c r="N45" s="39"/>
      <c r="O45" s="40"/>
      <c r="P45" s="15"/>
      <c r="Q45" s="35"/>
      <c r="R45" s="36"/>
      <c r="S45" s="37"/>
      <c r="T45" s="15"/>
      <c r="U45" s="14" t="str">
        <f t="shared" si="0"/>
        <v/>
      </c>
      <c r="V45" s="41"/>
      <c r="W45" s="42"/>
      <c r="X45" s="42"/>
      <c r="Y45" s="42"/>
      <c r="Z45" s="42"/>
      <c r="AA45" s="43"/>
    </row>
    <row r="46" spans="2:27" ht="24.95" customHeight="1">
      <c r="B46" s="15">
        <v>30</v>
      </c>
      <c r="C46" s="35"/>
      <c r="D46" s="36"/>
      <c r="E46" s="37"/>
      <c r="F46" s="38"/>
      <c r="G46" s="39"/>
      <c r="H46" s="39"/>
      <c r="I46" s="39"/>
      <c r="J46" s="40"/>
      <c r="K46" s="38"/>
      <c r="L46" s="39"/>
      <c r="M46" s="39"/>
      <c r="N46" s="39"/>
      <c r="O46" s="40"/>
      <c r="P46" s="15"/>
      <c r="Q46" s="35"/>
      <c r="R46" s="36"/>
      <c r="S46" s="37"/>
      <c r="T46" s="15"/>
      <c r="U46" s="14" t="str">
        <f t="shared" si="0"/>
        <v/>
      </c>
      <c r="V46" s="41"/>
      <c r="W46" s="42"/>
      <c r="X46" s="42"/>
      <c r="Y46" s="42"/>
      <c r="Z46" s="42"/>
      <c r="AA46" s="43"/>
    </row>
    <row r="47" spans="2:27" ht="24.95" customHeight="1">
      <c r="B47" s="15">
        <v>31</v>
      </c>
      <c r="C47" s="35"/>
      <c r="D47" s="36"/>
      <c r="E47" s="37"/>
      <c r="F47" s="38"/>
      <c r="G47" s="39"/>
      <c r="H47" s="39"/>
      <c r="I47" s="39"/>
      <c r="J47" s="40"/>
      <c r="K47" s="38"/>
      <c r="L47" s="39"/>
      <c r="M47" s="39"/>
      <c r="N47" s="39"/>
      <c r="O47" s="40"/>
      <c r="P47" s="15"/>
      <c r="Q47" s="35"/>
      <c r="R47" s="36"/>
      <c r="S47" s="37"/>
      <c r="T47" s="15"/>
      <c r="U47" s="14" t="str">
        <f t="shared" si="0"/>
        <v/>
      </c>
      <c r="V47" s="41"/>
      <c r="W47" s="42"/>
      <c r="X47" s="42"/>
      <c r="Y47" s="42"/>
      <c r="Z47" s="42"/>
      <c r="AA47" s="43"/>
    </row>
    <row r="48" spans="2:27" ht="24.95" customHeight="1">
      <c r="B48" s="15">
        <v>32</v>
      </c>
      <c r="C48" s="35"/>
      <c r="D48" s="36"/>
      <c r="E48" s="37"/>
      <c r="F48" s="38"/>
      <c r="G48" s="39"/>
      <c r="H48" s="39"/>
      <c r="I48" s="39"/>
      <c r="J48" s="40"/>
      <c r="K48" s="38"/>
      <c r="L48" s="39"/>
      <c r="M48" s="39"/>
      <c r="N48" s="39"/>
      <c r="O48" s="40"/>
      <c r="P48" s="15"/>
      <c r="Q48" s="35"/>
      <c r="R48" s="36"/>
      <c r="S48" s="37"/>
      <c r="T48" s="15"/>
      <c r="U48" s="14" t="str">
        <f t="shared" si="0"/>
        <v/>
      </c>
      <c r="V48" s="41"/>
      <c r="W48" s="42"/>
      <c r="X48" s="42"/>
      <c r="Y48" s="42"/>
      <c r="Z48" s="42"/>
      <c r="AA48" s="43"/>
    </row>
    <row r="49" spans="2:27" ht="24.95" customHeight="1">
      <c r="B49" s="15">
        <v>33</v>
      </c>
      <c r="C49" s="35"/>
      <c r="D49" s="36"/>
      <c r="E49" s="37"/>
      <c r="F49" s="38"/>
      <c r="G49" s="39"/>
      <c r="H49" s="39"/>
      <c r="I49" s="39"/>
      <c r="J49" s="40"/>
      <c r="K49" s="38"/>
      <c r="L49" s="39"/>
      <c r="M49" s="39"/>
      <c r="N49" s="39"/>
      <c r="O49" s="40"/>
      <c r="P49" s="15"/>
      <c r="Q49" s="35"/>
      <c r="R49" s="36"/>
      <c r="S49" s="37"/>
      <c r="T49" s="15"/>
      <c r="U49" s="14" t="str">
        <f t="shared" si="0"/>
        <v/>
      </c>
      <c r="V49" s="41"/>
      <c r="W49" s="42"/>
      <c r="X49" s="42"/>
      <c r="Y49" s="42"/>
      <c r="Z49" s="42"/>
      <c r="AA49" s="43"/>
    </row>
    <row r="50" spans="2:27" ht="24.95" customHeight="1">
      <c r="B50" s="15">
        <v>34</v>
      </c>
      <c r="C50" s="35"/>
      <c r="D50" s="36"/>
      <c r="E50" s="37"/>
      <c r="F50" s="38"/>
      <c r="G50" s="39"/>
      <c r="H50" s="39"/>
      <c r="I50" s="39"/>
      <c r="J50" s="40"/>
      <c r="K50" s="38"/>
      <c r="L50" s="39"/>
      <c r="M50" s="39"/>
      <c r="N50" s="39"/>
      <c r="O50" s="40"/>
      <c r="P50" s="15"/>
      <c r="Q50" s="35"/>
      <c r="R50" s="36"/>
      <c r="S50" s="37"/>
      <c r="T50" s="15"/>
      <c r="U50" s="14" t="str">
        <f t="shared" si="0"/>
        <v/>
      </c>
      <c r="V50" s="41"/>
      <c r="W50" s="42"/>
      <c r="X50" s="42"/>
      <c r="Y50" s="42"/>
      <c r="Z50" s="42"/>
      <c r="AA50" s="43"/>
    </row>
    <row r="51" spans="2:27" ht="24.95" customHeight="1">
      <c r="B51" s="15">
        <v>35</v>
      </c>
      <c r="C51" s="35"/>
      <c r="D51" s="36"/>
      <c r="E51" s="37"/>
      <c r="F51" s="38"/>
      <c r="G51" s="39"/>
      <c r="H51" s="39"/>
      <c r="I51" s="39"/>
      <c r="J51" s="40"/>
      <c r="K51" s="38"/>
      <c r="L51" s="39"/>
      <c r="M51" s="39"/>
      <c r="N51" s="39"/>
      <c r="O51" s="40"/>
      <c r="P51" s="15"/>
      <c r="Q51" s="35"/>
      <c r="R51" s="36"/>
      <c r="S51" s="37"/>
      <c r="T51" s="15"/>
      <c r="U51" s="14" t="str">
        <f t="shared" si="0"/>
        <v/>
      </c>
      <c r="V51" s="41"/>
      <c r="W51" s="42"/>
      <c r="X51" s="42"/>
      <c r="Y51" s="42"/>
      <c r="Z51" s="42"/>
      <c r="AA51" s="43"/>
    </row>
    <row r="52" spans="2:27" ht="24.95" customHeight="1">
      <c r="B52" s="15">
        <v>36</v>
      </c>
      <c r="C52" s="35"/>
      <c r="D52" s="36"/>
      <c r="E52" s="37"/>
      <c r="F52" s="38"/>
      <c r="G52" s="39"/>
      <c r="H52" s="39"/>
      <c r="I52" s="39"/>
      <c r="J52" s="40"/>
      <c r="K52" s="38"/>
      <c r="L52" s="39"/>
      <c r="M52" s="39"/>
      <c r="N52" s="39"/>
      <c r="O52" s="40"/>
      <c r="P52" s="15"/>
      <c r="Q52" s="35"/>
      <c r="R52" s="36"/>
      <c r="S52" s="37"/>
      <c r="T52" s="15"/>
      <c r="U52" s="14" t="str">
        <f t="shared" si="0"/>
        <v/>
      </c>
      <c r="V52" s="41"/>
      <c r="W52" s="42"/>
      <c r="X52" s="42"/>
      <c r="Y52" s="42"/>
      <c r="Z52" s="42"/>
      <c r="AA52" s="43"/>
    </row>
    <row r="53" spans="2:27" ht="24.95" customHeight="1">
      <c r="B53" s="15">
        <v>37</v>
      </c>
      <c r="C53" s="35"/>
      <c r="D53" s="36"/>
      <c r="E53" s="37"/>
      <c r="F53" s="38"/>
      <c r="G53" s="39"/>
      <c r="H53" s="39"/>
      <c r="I53" s="39"/>
      <c r="J53" s="40"/>
      <c r="K53" s="38"/>
      <c r="L53" s="39"/>
      <c r="M53" s="39"/>
      <c r="N53" s="39"/>
      <c r="O53" s="40"/>
      <c r="P53" s="15"/>
      <c r="Q53" s="35"/>
      <c r="R53" s="36"/>
      <c r="S53" s="37"/>
      <c r="T53" s="15"/>
      <c r="U53" s="14" t="str">
        <f t="shared" si="0"/>
        <v/>
      </c>
      <c r="V53" s="41"/>
      <c r="W53" s="42"/>
      <c r="X53" s="42"/>
      <c r="Y53" s="42"/>
      <c r="Z53" s="42"/>
      <c r="AA53" s="43"/>
    </row>
    <row r="54" spans="2:27" ht="24.95" customHeight="1">
      <c r="B54" s="15">
        <v>38</v>
      </c>
      <c r="C54" s="35"/>
      <c r="D54" s="36"/>
      <c r="E54" s="37"/>
      <c r="F54" s="38"/>
      <c r="G54" s="39"/>
      <c r="H54" s="39"/>
      <c r="I54" s="39"/>
      <c r="J54" s="40"/>
      <c r="K54" s="38"/>
      <c r="L54" s="39"/>
      <c r="M54" s="39"/>
      <c r="N54" s="39"/>
      <c r="O54" s="40"/>
      <c r="P54" s="15"/>
      <c r="Q54" s="35"/>
      <c r="R54" s="36"/>
      <c r="S54" s="37"/>
      <c r="T54" s="15"/>
      <c r="U54" s="14" t="str">
        <f t="shared" si="0"/>
        <v/>
      </c>
      <c r="V54" s="41"/>
      <c r="W54" s="42"/>
      <c r="X54" s="42"/>
      <c r="Y54" s="42"/>
      <c r="Z54" s="42"/>
      <c r="AA54" s="43"/>
    </row>
    <row r="55" spans="2:27" ht="24.95" customHeight="1">
      <c r="B55" s="15">
        <v>39</v>
      </c>
      <c r="C55" s="35"/>
      <c r="D55" s="36"/>
      <c r="E55" s="37"/>
      <c r="F55" s="38"/>
      <c r="G55" s="39"/>
      <c r="H55" s="39"/>
      <c r="I55" s="39"/>
      <c r="J55" s="40"/>
      <c r="K55" s="38"/>
      <c r="L55" s="39"/>
      <c r="M55" s="39"/>
      <c r="N55" s="39"/>
      <c r="O55" s="40"/>
      <c r="P55" s="15"/>
      <c r="Q55" s="35"/>
      <c r="R55" s="36"/>
      <c r="S55" s="37"/>
      <c r="T55" s="15"/>
      <c r="U55" s="14" t="str">
        <f t="shared" si="0"/>
        <v/>
      </c>
      <c r="V55" s="41"/>
      <c r="W55" s="42"/>
      <c r="X55" s="42"/>
      <c r="Y55" s="42"/>
      <c r="Z55" s="42"/>
      <c r="AA55" s="43"/>
    </row>
    <row r="56" spans="2:27" ht="24.95" customHeight="1">
      <c r="B56" s="15">
        <v>40</v>
      </c>
      <c r="C56" s="35"/>
      <c r="D56" s="36"/>
      <c r="E56" s="37"/>
      <c r="F56" s="38"/>
      <c r="G56" s="39"/>
      <c r="H56" s="39"/>
      <c r="I56" s="39"/>
      <c r="J56" s="40"/>
      <c r="K56" s="38"/>
      <c r="L56" s="39"/>
      <c r="M56" s="39"/>
      <c r="N56" s="39"/>
      <c r="O56" s="40"/>
      <c r="P56" s="15"/>
      <c r="Q56" s="35"/>
      <c r="R56" s="36"/>
      <c r="S56" s="37"/>
      <c r="T56" s="15"/>
      <c r="U56" s="14" t="str">
        <f t="shared" si="0"/>
        <v/>
      </c>
      <c r="V56" s="41"/>
      <c r="W56" s="42"/>
      <c r="X56" s="42"/>
      <c r="Y56" s="42"/>
      <c r="Z56" s="42"/>
      <c r="AA56" s="43"/>
    </row>
    <row r="57" spans="2:27" ht="24.95" customHeight="1">
      <c r="B57" s="15">
        <v>41</v>
      </c>
      <c r="C57" s="35"/>
      <c r="D57" s="36"/>
      <c r="E57" s="37"/>
      <c r="F57" s="38"/>
      <c r="G57" s="39"/>
      <c r="H57" s="39"/>
      <c r="I57" s="39"/>
      <c r="J57" s="40"/>
      <c r="K57" s="38"/>
      <c r="L57" s="39"/>
      <c r="M57" s="39"/>
      <c r="N57" s="39"/>
      <c r="O57" s="40"/>
      <c r="P57" s="15"/>
      <c r="Q57" s="56"/>
      <c r="R57" s="36"/>
      <c r="S57" s="37"/>
      <c r="T57" s="15"/>
      <c r="U57" s="14" t="str">
        <f>IF(ISBLANK($T57),"",IF(T57&gt;=100,"合","否"))</f>
        <v/>
      </c>
      <c r="V57" s="41"/>
      <c r="W57" s="42"/>
      <c r="X57" s="42"/>
      <c r="Y57" s="42"/>
      <c r="Z57" s="42"/>
      <c r="AA57" s="43"/>
    </row>
    <row r="58" spans="2:27" ht="24.95" customHeight="1">
      <c r="B58" s="15">
        <v>42</v>
      </c>
      <c r="C58" s="35"/>
      <c r="D58" s="36"/>
      <c r="E58" s="37"/>
      <c r="F58" s="38"/>
      <c r="G58" s="39"/>
      <c r="H58" s="39"/>
      <c r="I58" s="39"/>
      <c r="J58" s="40"/>
      <c r="K58" s="38"/>
      <c r="L58" s="39"/>
      <c r="M58" s="39"/>
      <c r="N58" s="39"/>
      <c r="O58" s="40"/>
      <c r="P58" s="15"/>
      <c r="Q58" s="35"/>
      <c r="R58" s="36"/>
      <c r="S58" s="37"/>
      <c r="T58" s="15"/>
      <c r="U58" s="14" t="str">
        <f t="shared" ref="U58:U95" si="1">IF(ISBLANK($T58),"",IF(T58&gt;=100,"合","否"))</f>
        <v/>
      </c>
      <c r="V58" s="41"/>
      <c r="W58" s="42"/>
      <c r="X58" s="42"/>
      <c r="Y58" s="42"/>
      <c r="Z58" s="42"/>
      <c r="AA58" s="43"/>
    </row>
    <row r="59" spans="2:27" ht="24.95" customHeight="1">
      <c r="B59" s="15">
        <v>43</v>
      </c>
      <c r="C59" s="35"/>
      <c r="D59" s="36"/>
      <c r="E59" s="37"/>
      <c r="F59" s="38"/>
      <c r="G59" s="39"/>
      <c r="H59" s="39"/>
      <c r="I59" s="39"/>
      <c r="J59" s="40"/>
      <c r="K59" s="38"/>
      <c r="L59" s="39"/>
      <c r="M59" s="39"/>
      <c r="N59" s="39"/>
      <c r="O59" s="40"/>
      <c r="P59" s="15"/>
      <c r="Q59" s="35"/>
      <c r="R59" s="36"/>
      <c r="S59" s="37"/>
      <c r="T59" s="15"/>
      <c r="U59" s="14" t="str">
        <f t="shared" si="1"/>
        <v/>
      </c>
      <c r="V59" s="41"/>
      <c r="W59" s="42"/>
      <c r="X59" s="42"/>
      <c r="Y59" s="42"/>
      <c r="Z59" s="42"/>
      <c r="AA59" s="43"/>
    </row>
    <row r="60" spans="2:27" ht="24.95" customHeight="1">
      <c r="B60" s="15">
        <v>44</v>
      </c>
      <c r="C60" s="35"/>
      <c r="D60" s="36"/>
      <c r="E60" s="37"/>
      <c r="F60" s="38"/>
      <c r="G60" s="39"/>
      <c r="H60" s="39"/>
      <c r="I60" s="39"/>
      <c r="J60" s="40"/>
      <c r="K60" s="38"/>
      <c r="L60" s="39"/>
      <c r="M60" s="39"/>
      <c r="N60" s="39"/>
      <c r="O60" s="40"/>
      <c r="P60" s="15"/>
      <c r="Q60" s="35"/>
      <c r="R60" s="36"/>
      <c r="S60" s="37"/>
      <c r="T60" s="15"/>
      <c r="U60" s="14" t="str">
        <f t="shared" si="1"/>
        <v/>
      </c>
      <c r="V60" s="41"/>
      <c r="W60" s="42"/>
      <c r="X60" s="42"/>
      <c r="Y60" s="42"/>
      <c r="Z60" s="42"/>
      <c r="AA60" s="43"/>
    </row>
    <row r="61" spans="2:27" ht="24.95" customHeight="1">
      <c r="B61" s="15">
        <v>45</v>
      </c>
      <c r="C61" s="35"/>
      <c r="D61" s="36"/>
      <c r="E61" s="37"/>
      <c r="F61" s="38"/>
      <c r="G61" s="39"/>
      <c r="H61" s="39"/>
      <c r="I61" s="39"/>
      <c r="J61" s="40"/>
      <c r="K61" s="38"/>
      <c r="L61" s="39"/>
      <c r="M61" s="39"/>
      <c r="N61" s="39"/>
      <c r="O61" s="40"/>
      <c r="P61" s="15"/>
      <c r="Q61" s="35"/>
      <c r="R61" s="36"/>
      <c r="S61" s="37"/>
      <c r="T61" s="15"/>
      <c r="U61" s="14" t="str">
        <f t="shared" si="1"/>
        <v/>
      </c>
      <c r="V61" s="41"/>
      <c r="W61" s="42"/>
      <c r="X61" s="42"/>
      <c r="Y61" s="42"/>
      <c r="Z61" s="42"/>
      <c r="AA61" s="43"/>
    </row>
    <row r="62" spans="2:27" ht="24.95" customHeight="1">
      <c r="B62" s="15">
        <v>46</v>
      </c>
      <c r="C62" s="35"/>
      <c r="D62" s="36"/>
      <c r="E62" s="37"/>
      <c r="F62" s="38"/>
      <c r="G62" s="39"/>
      <c r="H62" s="39"/>
      <c r="I62" s="39"/>
      <c r="J62" s="40"/>
      <c r="K62" s="38"/>
      <c r="L62" s="39"/>
      <c r="M62" s="39"/>
      <c r="N62" s="39"/>
      <c r="O62" s="40"/>
      <c r="P62" s="15"/>
      <c r="Q62" s="35"/>
      <c r="R62" s="36"/>
      <c r="S62" s="37"/>
      <c r="T62" s="15"/>
      <c r="U62" s="14" t="str">
        <f t="shared" si="1"/>
        <v/>
      </c>
      <c r="V62" s="41"/>
      <c r="W62" s="42"/>
      <c r="X62" s="42"/>
      <c r="Y62" s="42"/>
      <c r="Z62" s="42"/>
      <c r="AA62" s="43"/>
    </row>
    <row r="63" spans="2:27" ht="24.95" customHeight="1">
      <c r="B63" s="15">
        <v>47</v>
      </c>
      <c r="C63" s="35"/>
      <c r="D63" s="36"/>
      <c r="E63" s="37"/>
      <c r="F63" s="38"/>
      <c r="G63" s="39"/>
      <c r="H63" s="39"/>
      <c r="I63" s="39"/>
      <c r="J63" s="40"/>
      <c r="K63" s="38"/>
      <c r="L63" s="39"/>
      <c r="M63" s="39"/>
      <c r="N63" s="39"/>
      <c r="O63" s="40"/>
      <c r="P63" s="15"/>
      <c r="Q63" s="35"/>
      <c r="R63" s="36"/>
      <c r="S63" s="37"/>
      <c r="T63" s="15"/>
      <c r="U63" s="14" t="str">
        <f t="shared" si="1"/>
        <v/>
      </c>
      <c r="V63" s="41"/>
      <c r="W63" s="42"/>
      <c r="X63" s="42"/>
      <c r="Y63" s="42"/>
      <c r="Z63" s="42"/>
      <c r="AA63" s="43"/>
    </row>
    <row r="64" spans="2:27" ht="24.95" customHeight="1">
      <c r="B64" s="15">
        <v>48</v>
      </c>
      <c r="C64" s="35"/>
      <c r="D64" s="36"/>
      <c r="E64" s="37"/>
      <c r="F64" s="38"/>
      <c r="G64" s="39"/>
      <c r="H64" s="39"/>
      <c r="I64" s="39"/>
      <c r="J64" s="40"/>
      <c r="K64" s="38"/>
      <c r="L64" s="39"/>
      <c r="M64" s="39"/>
      <c r="N64" s="39"/>
      <c r="O64" s="40"/>
      <c r="P64" s="15"/>
      <c r="Q64" s="35"/>
      <c r="R64" s="36"/>
      <c r="S64" s="37"/>
      <c r="T64" s="15"/>
      <c r="U64" s="14" t="str">
        <f t="shared" si="1"/>
        <v/>
      </c>
      <c r="V64" s="41"/>
      <c r="W64" s="42"/>
      <c r="X64" s="42"/>
      <c r="Y64" s="42"/>
      <c r="Z64" s="42"/>
      <c r="AA64" s="43"/>
    </row>
    <row r="65" spans="2:27" ht="24.95" customHeight="1">
      <c r="B65" s="15">
        <v>49</v>
      </c>
      <c r="C65" s="35"/>
      <c r="D65" s="36"/>
      <c r="E65" s="37"/>
      <c r="F65" s="38"/>
      <c r="G65" s="39"/>
      <c r="H65" s="39"/>
      <c r="I65" s="39"/>
      <c r="J65" s="40"/>
      <c r="K65" s="38"/>
      <c r="L65" s="39"/>
      <c r="M65" s="39"/>
      <c r="N65" s="39"/>
      <c r="O65" s="40"/>
      <c r="P65" s="15"/>
      <c r="Q65" s="35"/>
      <c r="R65" s="36"/>
      <c r="S65" s="37"/>
      <c r="T65" s="15"/>
      <c r="U65" s="14" t="str">
        <f t="shared" si="1"/>
        <v/>
      </c>
      <c r="V65" s="41"/>
      <c r="W65" s="42"/>
      <c r="X65" s="42"/>
      <c r="Y65" s="42"/>
      <c r="Z65" s="42"/>
      <c r="AA65" s="43"/>
    </row>
    <row r="66" spans="2:27" ht="24.95" customHeight="1">
      <c r="B66" s="15">
        <v>50</v>
      </c>
      <c r="C66" s="35"/>
      <c r="D66" s="36"/>
      <c r="E66" s="37"/>
      <c r="F66" s="38"/>
      <c r="G66" s="39"/>
      <c r="H66" s="39"/>
      <c r="I66" s="39"/>
      <c r="J66" s="40"/>
      <c r="K66" s="38"/>
      <c r="L66" s="39"/>
      <c r="M66" s="39"/>
      <c r="N66" s="39"/>
      <c r="O66" s="40"/>
      <c r="P66" s="15"/>
      <c r="Q66" s="35"/>
      <c r="R66" s="36"/>
      <c r="S66" s="37"/>
      <c r="T66" s="15"/>
      <c r="U66" s="14" t="str">
        <f t="shared" si="1"/>
        <v/>
      </c>
      <c r="V66" s="41"/>
      <c r="W66" s="42"/>
      <c r="X66" s="42"/>
      <c r="Y66" s="42"/>
      <c r="Z66" s="42"/>
      <c r="AA66" s="43"/>
    </row>
    <row r="67" spans="2:27" ht="24.95" customHeight="1">
      <c r="B67" s="15">
        <v>51</v>
      </c>
      <c r="C67" s="35"/>
      <c r="D67" s="36"/>
      <c r="E67" s="37"/>
      <c r="F67" s="38"/>
      <c r="G67" s="39"/>
      <c r="H67" s="39"/>
      <c r="I67" s="39"/>
      <c r="J67" s="40"/>
      <c r="K67" s="38"/>
      <c r="L67" s="39"/>
      <c r="M67" s="39"/>
      <c r="N67" s="39"/>
      <c r="O67" s="40"/>
      <c r="P67" s="15"/>
      <c r="Q67" s="35"/>
      <c r="R67" s="36"/>
      <c r="S67" s="37"/>
      <c r="T67" s="15"/>
      <c r="U67" s="14" t="str">
        <f t="shared" si="1"/>
        <v/>
      </c>
      <c r="V67" s="41"/>
      <c r="W67" s="42"/>
      <c r="X67" s="42"/>
      <c r="Y67" s="42"/>
      <c r="Z67" s="42"/>
      <c r="AA67" s="43"/>
    </row>
    <row r="68" spans="2:27" ht="24.95" customHeight="1">
      <c r="B68" s="15">
        <v>52</v>
      </c>
      <c r="C68" s="35"/>
      <c r="D68" s="36"/>
      <c r="E68" s="37"/>
      <c r="F68" s="38"/>
      <c r="G68" s="39"/>
      <c r="H68" s="39"/>
      <c r="I68" s="39"/>
      <c r="J68" s="40"/>
      <c r="K68" s="38"/>
      <c r="L68" s="39"/>
      <c r="M68" s="39"/>
      <c r="N68" s="39"/>
      <c r="O68" s="40"/>
      <c r="P68" s="15"/>
      <c r="Q68" s="35"/>
      <c r="R68" s="36"/>
      <c r="S68" s="37"/>
      <c r="T68" s="15"/>
      <c r="U68" s="14" t="str">
        <f t="shared" si="1"/>
        <v/>
      </c>
      <c r="V68" s="41"/>
      <c r="W68" s="42"/>
      <c r="X68" s="42"/>
      <c r="Y68" s="42"/>
      <c r="Z68" s="42"/>
      <c r="AA68" s="43"/>
    </row>
    <row r="69" spans="2:27" ht="24.95" customHeight="1">
      <c r="B69" s="15">
        <v>53</v>
      </c>
      <c r="C69" s="35"/>
      <c r="D69" s="36"/>
      <c r="E69" s="37"/>
      <c r="F69" s="38"/>
      <c r="G69" s="39"/>
      <c r="H69" s="39"/>
      <c r="I69" s="39"/>
      <c r="J69" s="40"/>
      <c r="K69" s="38"/>
      <c r="L69" s="39"/>
      <c r="M69" s="39"/>
      <c r="N69" s="39"/>
      <c r="O69" s="40"/>
      <c r="P69" s="15"/>
      <c r="Q69" s="35"/>
      <c r="R69" s="36"/>
      <c r="S69" s="37"/>
      <c r="T69" s="15"/>
      <c r="U69" s="14" t="str">
        <f t="shared" si="1"/>
        <v/>
      </c>
      <c r="V69" s="41"/>
      <c r="W69" s="42"/>
      <c r="X69" s="42"/>
      <c r="Y69" s="42"/>
      <c r="Z69" s="42"/>
      <c r="AA69" s="43"/>
    </row>
    <row r="70" spans="2:27" ht="24.95" customHeight="1">
      <c r="B70" s="15">
        <v>54</v>
      </c>
      <c r="C70" s="35"/>
      <c r="D70" s="36"/>
      <c r="E70" s="37"/>
      <c r="F70" s="38"/>
      <c r="G70" s="39"/>
      <c r="H70" s="39"/>
      <c r="I70" s="39"/>
      <c r="J70" s="40"/>
      <c r="K70" s="38"/>
      <c r="L70" s="39"/>
      <c r="M70" s="39"/>
      <c r="N70" s="39"/>
      <c r="O70" s="40"/>
      <c r="P70" s="15"/>
      <c r="Q70" s="35"/>
      <c r="R70" s="36"/>
      <c r="S70" s="37"/>
      <c r="T70" s="15"/>
      <c r="U70" s="14" t="str">
        <f t="shared" si="1"/>
        <v/>
      </c>
      <c r="V70" s="41"/>
      <c r="W70" s="42"/>
      <c r="X70" s="42"/>
      <c r="Y70" s="42"/>
      <c r="Z70" s="42"/>
      <c r="AA70" s="43"/>
    </row>
    <row r="71" spans="2:27" ht="24.95" customHeight="1">
      <c r="B71" s="15">
        <v>55</v>
      </c>
      <c r="C71" s="35"/>
      <c r="D71" s="36"/>
      <c r="E71" s="37"/>
      <c r="F71" s="38"/>
      <c r="G71" s="39"/>
      <c r="H71" s="39"/>
      <c r="I71" s="39"/>
      <c r="J71" s="40"/>
      <c r="K71" s="38"/>
      <c r="L71" s="39"/>
      <c r="M71" s="39"/>
      <c r="N71" s="39"/>
      <c r="O71" s="40"/>
      <c r="P71" s="15"/>
      <c r="Q71" s="35"/>
      <c r="R71" s="36"/>
      <c r="S71" s="37"/>
      <c r="T71" s="15"/>
      <c r="U71" s="14" t="str">
        <f t="shared" si="1"/>
        <v/>
      </c>
      <c r="V71" s="41"/>
      <c r="W71" s="42"/>
      <c r="X71" s="42"/>
      <c r="Y71" s="42"/>
      <c r="Z71" s="42"/>
      <c r="AA71" s="43"/>
    </row>
    <row r="72" spans="2:27" ht="24.95" customHeight="1">
      <c r="B72" s="15">
        <v>56</v>
      </c>
      <c r="C72" s="35"/>
      <c r="D72" s="36"/>
      <c r="E72" s="37"/>
      <c r="F72" s="38"/>
      <c r="G72" s="39"/>
      <c r="H72" s="39"/>
      <c r="I72" s="39"/>
      <c r="J72" s="40"/>
      <c r="K72" s="38"/>
      <c r="L72" s="39"/>
      <c r="M72" s="39"/>
      <c r="N72" s="39"/>
      <c r="O72" s="40"/>
      <c r="P72" s="15"/>
      <c r="Q72" s="35"/>
      <c r="R72" s="36"/>
      <c r="S72" s="37"/>
      <c r="T72" s="15"/>
      <c r="U72" s="14" t="str">
        <f t="shared" si="1"/>
        <v/>
      </c>
      <c r="V72" s="41"/>
      <c r="W72" s="42"/>
      <c r="X72" s="42"/>
      <c r="Y72" s="42"/>
      <c r="Z72" s="42"/>
      <c r="AA72" s="43"/>
    </row>
    <row r="73" spans="2:27" ht="24.95" customHeight="1">
      <c r="B73" s="15">
        <v>57</v>
      </c>
      <c r="C73" s="35"/>
      <c r="D73" s="36"/>
      <c r="E73" s="37"/>
      <c r="F73" s="38"/>
      <c r="G73" s="39"/>
      <c r="H73" s="39"/>
      <c r="I73" s="39"/>
      <c r="J73" s="40"/>
      <c r="K73" s="38"/>
      <c r="L73" s="39"/>
      <c r="M73" s="39"/>
      <c r="N73" s="39"/>
      <c r="O73" s="40"/>
      <c r="P73" s="15"/>
      <c r="Q73" s="35"/>
      <c r="R73" s="36"/>
      <c r="S73" s="37"/>
      <c r="T73" s="15"/>
      <c r="U73" s="14" t="str">
        <f t="shared" si="1"/>
        <v/>
      </c>
      <c r="V73" s="41"/>
      <c r="W73" s="42"/>
      <c r="X73" s="42"/>
      <c r="Y73" s="42"/>
      <c r="Z73" s="42"/>
      <c r="AA73" s="43"/>
    </row>
    <row r="74" spans="2:27" ht="24.95" customHeight="1">
      <c r="B74" s="15">
        <v>58</v>
      </c>
      <c r="C74" s="35"/>
      <c r="D74" s="36"/>
      <c r="E74" s="37"/>
      <c r="F74" s="38"/>
      <c r="G74" s="39"/>
      <c r="H74" s="39"/>
      <c r="I74" s="39"/>
      <c r="J74" s="40"/>
      <c r="K74" s="38"/>
      <c r="L74" s="39"/>
      <c r="M74" s="39"/>
      <c r="N74" s="39"/>
      <c r="O74" s="40"/>
      <c r="P74" s="15"/>
      <c r="Q74" s="35"/>
      <c r="R74" s="36"/>
      <c r="S74" s="37"/>
      <c r="T74" s="15"/>
      <c r="U74" s="14" t="str">
        <f t="shared" si="1"/>
        <v/>
      </c>
      <c r="V74" s="41"/>
      <c r="W74" s="42"/>
      <c r="X74" s="42"/>
      <c r="Y74" s="42"/>
      <c r="Z74" s="42"/>
      <c r="AA74" s="43"/>
    </row>
    <row r="75" spans="2:27" ht="24.95" customHeight="1">
      <c r="B75" s="15">
        <v>59</v>
      </c>
      <c r="C75" s="35"/>
      <c r="D75" s="36"/>
      <c r="E75" s="37"/>
      <c r="F75" s="38"/>
      <c r="G75" s="39"/>
      <c r="H75" s="39"/>
      <c r="I75" s="39"/>
      <c r="J75" s="40"/>
      <c r="K75" s="38"/>
      <c r="L75" s="39"/>
      <c r="M75" s="39"/>
      <c r="N75" s="39"/>
      <c r="O75" s="40"/>
      <c r="P75" s="15"/>
      <c r="Q75" s="35"/>
      <c r="R75" s="36"/>
      <c r="S75" s="37"/>
      <c r="T75" s="15"/>
      <c r="U75" s="14" t="str">
        <f t="shared" si="1"/>
        <v/>
      </c>
      <c r="V75" s="41"/>
      <c r="W75" s="42"/>
      <c r="X75" s="42"/>
      <c r="Y75" s="42"/>
      <c r="Z75" s="42"/>
      <c r="AA75" s="43"/>
    </row>
    <row r="76" spans="2:27" ht="24.95" customHeight="1">
      <c r="B76" s="15">
        <v>60</v>
      </c>
      <c r="C76" s="35"/>
      <c r="D76" s="36"/>
      <c r="E76" s="37"/>
      <c r="F76" s="38"/>
      <c r="G76" s="39"/>
      <c r="H76" s="39"/>
      <c r="I76" s="39"/>
      <c r="J76" s="40"/>
      <c r="K76" s="38"/>
      <c r="L76" s="39"/>
      <c r="M76" s="39"/>
      <c r="N76" s="39"/>
      <c r="O76" s="40"/>
      <c r="P76" s="15"/>
      <c r="Q76" s="35"/>
      <c r="R76" s="36"/>
      <c r="S76" s="37"/>
      <c r="T76" s="15"/>
      <c r="U76" s="14" t="str">
        <f t="shared" si="1"/>
        <v/>
      </c>
      <c r="V76" s="41"/>
      <c r="W76" s="42"/>
      <c r="X76" s="42"/>
      <c r="Y76" s="42"/>
      <c r="Z76" s="42"/>
      <c r="AA76" s="43"/>
    </row>
    <row r="77" spans="2:27" ht="24.95" customHeight="1">
      <c r="B77" s="15">
        <v>61</v>
      </c>
      <c r="C77" s="35"/>
      <c r="D77" s="36"/>
      <c r="E77" s="37"/>
      <c r="F77" s="38"/>
      <c r="G77" s="39"/>
      <c r="H77" s="39"/>
      <c r="I77" s="39"/>
      <c r="J77" s="40"/>
      <c r="K77" s="38"/>
      <c r="L77" s="39"/>
      <c r="M77" s="39"/>
      <c r="N77" s="39"/>
      <c r="O77" s="40"/>
      <c r="P77" s="15"/>
      <c r="Q77" s="35"/>
      <c r="R77" s="36"/>
      <c r="S77" s="37"/>
      <c r="T77" s="15"/>
      <c r="U77" s="14" t="str">
        <f t="shared" si="1"/>
        <v/>
      </c>
      <c r="V77" s="41"/>
      <c r="W77" s="42"/>
      <c r="X77" s="42"/>
      <c r="Y77" s="42"/>
      <c r="Z77" s="42"/>
      <c r="AA77" s="43"/>
    </row>
    <row r="78" spans="2:27" ht="24.95" customHeight="1">
      <c r="B78" s="15">
        <v>62</v>
      </c>
      <c r="C78" s="35"/>
      <c r="D78" s="36"/>
      <c r="E78" s="37"/>
      <c r="F78" s="38"/>
      <c r="G78" s="39"/>
      <c r="H78" s="39"/>
      <c r="I78" s="39"/>
      <c r="J78" s="40"/>
      <c r="K78" s="38"/>
      <c r="L78" s="39"/>
      <c r="M78" s="39"/>
      <c r="N78" s="39"/>
      <c r="O78" s="40"/>
      <c r="P78" s="15"/>
      <c r="Q78" s="35"/>
      <c r="R78" s="36"/>
      <c r="S78" s="37"/>
      <c r="T78" s="15"/>
      <c r="U78" s="14" t="str">
        <f t="shared" si="1"/>
        <v/>
      </c>
      <c r="V78" s="41"/>
      <c r="W78" s="42"/>
      <c r="X78" s="42"/>
      <c r="Y78" s="42"/>
      <c r="Z78" s="42"/>
      <c r="AA78" s="43"/>
    </row>
    <row r="79" spans="2:27" ht="24.95" customHeight="1">
      <c r="B79" s="15">
        <v>63</v>
      </c>
      <c r="C79" s="35"/>
      <c r="D79" s="36"/>
      <c r="E79" s="37"/>
      <c r="F79" s="38"/>
      <c r="G79" s="39"/>
      <c r="H79" s="39"/>
      <c r="I79" s="39"/>
      <c r="J79" s="40"/>
      <c r="K79" s="38"/>
      <c r="L79" s="39"/>
      <c r="M79" s="39"/>
      <c r="N79" s="39"/>
      <c r="O79" s="40"/>
      <c r="P79" s="15"/>
      <c r="Q79" s="35"/>
      <c r="R79" s="36"/>
      <c r="S79" s="37"/>
      <c r="T79" s="15"/>
      <c r="U79" s="14" t="str">
        <f t="shared" si="1"/>
        <v/>
      </c>
      <c r="V79" s="41"/>
      <c r="W79" s="42"/>
      <c r="X79" s="42"/>
      <c r="Y79" s="42"/>
      <c r="Z79" s="42"/>
      <c r="AA79" s="43"/>
    </row>
    <row r="80" spans="2:27" ht="24.95" customHeight="1">
      <c r="B80" s="15">
        <v>64</v>
      </c>
      <c r="C80" s="35"/>
      <c r="D80" s="36"/>
      <c r="E80" s="37"/>
      <c r="F80" s="38"/>
      <c r="G80" s="39"/>
      <c r="H80" s="39"/>
      <c r="I80" s="39"/>
      <c r="J80" s="40"/>
      <c r="K80" s="38"/>
      <c r="L80" s="39"/>
      <c r="M80" s="39"/>
      <c r="N80" s="39"/>
      <c r="O80" s="40"/>
      <c r="P80" s="15"/>
      <c r="Q80" s="35"/>
      <c r="R80" s="36"/>
      <c r="S80" s="37"/>
      <c r="T80" s="15"/>
      <c r="U80" s="14" t="str">
        <f t="shared" si="1"/>
        <v/>
      </c>
      <c r="V80" s="41"/>
      <c r="W80" s="42"/>
      <c r="X80" s="42"/>
      <c r="Y80" s="42"/>
      <c r="Z80" s="42"/>
      <c r="AA80" s="43"/>
    </row>
    <row r="81" spans="2:27" ht="24.95" customHeight="1">
      <c r="B81" s="15">
        <v>65</v>
      </c>
      <c r="C81" s="35"/>
      <c r="D81" s="36"/>
      <c r="E81" s="37"/>
      <c r="F81" s="38"/>
      <c r="G81" s="39"/>
      <c r="H81" s="39"/>
      <c r="I81" s="39"/>
      <c r="J81" s="40"/>
      <c r="K81" s="38"/>
      <c r="L81" s="39"/>
      <c r="M81" s="39"/>
      <c r="N81" s="39"/>
      <c r="O81" s="40"/>
      <c r="P81" s="15"/>
      <c r="Q81" s="35"/>
      <c r="R81" s="36"/>
      <c r="S81" s="37"/>
      <c r="T81" s="15"/>
      <c r="U81" s="14" t="str">
        <f t="shared" si="1"/>
        <v/>
      </c>
      <c r="V81" s="41"/>
      <c r="W81" s="42"/>
      <c r="X81" s="42"/>
      <c r="Y81" s="42"/>
      <c r="Z81" s="42"/>
      <c r="AA81" s="43"/>
    </row>
    <row r="82" spans="2:27" ht="24.95" customHeight="1">
      <c r="B82" s="15">
        <v>66</v>
      </c>
      <c r="C82" s="35"/>
      <c r="D82" s="36"/>
      <c r="E82" s="37"/>
      <c r="F82" s="38"/>
      <c r="G82" s="39"/>
      <c r="H82" s="39"/>
      <c r="I82" s="39"/>
      <c r="J82" s="40"/>
      <c r="K82" s="38"/>
      <c r="L82" s="39"/>
      <c r="M82" s="39"/>
      <c r="N82" s="39"/>
      <c r="O82" s="40"/>
      <c r="P82" s="15"/>
      <c r="Q82" s="35"/>
      <c r="R82" s="36"/>
      <c r="S82" s="37"/>
      <c r="T82" s="15"/>
      <c r="U82" s="14" t="str">
        <f t="shared" si="1"/>
        <v/>
      </c>
      <c r="V82" s="41"/>
      <c r="W82" s="42"/>
      <c r="X82" s="42"/>
      <c r="Y82" s="42"/>
      <c r="Z82" s="42"/>
      <c r="AA82" s="43"/>
    </row>
    <row r="83" spans="2:27" ht="24.95" customHeight="1">
      <c r="B83" s="15">
        <v>67</v>
      </c>
      <c r="C83" s="35"/>
      <c r="D83" s="36"/>
      <c r="E83" s="37"/>
      <c r="F83" s="38"/>
      <c r="G83" s="39"/>
      <c r="H83" s="39"/>
      <c r="I83" s="39"/>
      <c r="J83" s="40"/>
      <c r="K83" s="38"/>
      <c r="L83" s="39"/>
      <c r="M83" s="39"/>
      <c r="N83" s="39"/>
      <c r="O83" s="40"/>
      <c r="P83" s="15"/>
      <c r="Q83" s="35"/>
      <c r="R83" s="36"/>
      <c r="S83" s="37"/>
      <c r="T83" s="15"/>
      <c r="U83" s="14" t="str">
        <f t="shared" si="1"/>
        <v/>
      </c>
      <c r="V83" s="41"/>
      <c r="W83" s="42"/>
      <c r="X83" s="42"/>
      <c r="Y83" s="42"/>
      <c r="Z83" s="42"/>
      <c r="AA83" s="43"/>
    </row>
    <row r="84" spans="2:27" ht="24.95" customHeight="1">
      <c r="B84" s="15">
        <v>68</v>
      </c>
      <c r="C84" s="35"/>
      <c r="D84" s="36"/>
      <c r="E84" s="37"/>
      <c r="F84" s="38"/>
      <c r="G84" s="39"/>
      <c r="H84" s="39"/>
      <c r="I84" s="39"/>
      <c r="J84" s="40"/>
      <c r="K84" s="38"/>
      <c r="L84" s="39"/>
      <c r="M84" s="39"/>
      <c r="N84" s="39"/>
      <c r="O84" s="40"/>
      <c r="P84" s="15"/>
      <c r="Q84" s="35"/>
      <c r="R84" s="36"/>
      <c r="S84" s="37"/>
      <c r="T84" s="15"/>
      <c r="U84" s="14" t="str">
        <f t="shared" si="1"/>
        <v/>
      </c>
      <c r="V84" s="41"/>
      <c r="W84" s="42"/>
      <c r="X84" s="42"/>
      <c r="Y84" s="42"/>
      <c r="Z84" s="42"/>
      <c r="AA84" s="43"/>
    </row>
    <row r="85" spans="2:27" ht="24.95" customHeight="1">
      <c r="B85" s="15">
        <v>69</v>
      </c>
      <c r="C85" s="35"/>
      <c r="D85" s="36"/>
      <c r="E85" s="37"/>
      <c r="F85" s="38"/>
      <c r="G85" s="39"/>
      <c r="H85" s="39"/>
      <c r="I85" s="39"/>
      <c r="J85" s="40"/>
      <c r="K85" s="38"/>
      <c r="L85" s="39"/>
      <c r="M85" s="39"/>
      <c r="N85" s="39"/>
      <c r="O85" s="40"/>
      <c r="P85" s="15"/>
      <c r="Q85" s="35"/>
      <c r="R85" s="36"/>
      <c r="S85" s="37"/>
      <c r="T85" s="15"/>
      <c r="U85" s="14" t="str">
        <f t="shared" si="1"/>
        <v/>
      </c>
      <c r="V85" s="41"/>
      <c r="W85" s="42"/>
      <c r="X85" s="42"/>
      <c r="Y85" s="42"/>
      <c r="Z85" s="42"/>
      <c r="AA85" s="43"/>
    </row>
    <row r="86" spans="2:27" ht="24.95" customHeight="1">
      <c r="B86" s="15">
        <v>70</v>
      </c>
      <c r="C86" s="35"/>
      <c r="D86" s="36"/>
      <c r="E86" s="37"/>
      <c r="F86" s="38"/>
      <c r="G86" s="39"/>
      <c r="H86" s="39"/>
      <c r="I86" s="39"/>
      <c r="J86" s="40"/>
      <c r="K86" s="38"/>
      <c r="L86" s="39"/>
      <c r="M86" s="39"/>
      <c r="N86" s="39"/>
      <c r="O86" s="40"/>
      <c r="P86" s="15"/>
      <c r="Q86" s="35"/>
      <c r="R86" s="36"/>
      <c r="S86" s="37"/>
      <c r="T86" s="15"/>
      <c r="U86" s="14" t="str">
        <f t="shared" si="1"/>
        <v/>
      </c>
      <c r="V86" s="41"/>
      <c r="W86" s="42"/>
      <c r="X86" s="42"/>
      <c r="Y86" s="42"/>
      <c r="Z86" s="42"/>
      <c r="AA86" s="43"/>
    </row>
    <row r="87" spans="2:27" ht="24.95" customHeight="1">
      <c r="B87" s="15">
        <v>71</v>
      </c>
      <c r="C87" s="35"/>
      <c r="D87" s="36"/>
      <c r="E87" s="37"/>
      <c r="F87" s="38"/>
      <c r="G87" s="39"/>
      <c r="H87" s="39"/>
      <c r="I87" s="39"/>
      <c r="J87" s="40"/>
      <c r="K87" s="38"/>
      <c r="L87" s="39"/>
      <c r="M87" s="39"/>
      <c r="N87" s="39"/>
      <c r="O87" s="40"/>
      <c r="P87" s="15"/>
      <c r="Q87" s="35"/>
      <c r="R87" s="36"/>
      <c r="S87" s="37"/>
      <c r="T87" s="15"/>
      <c r="U87" s="14" t="str">
        <f t="shared" si="1"/>
        <v/>
      </c>
      <c r="V87" s="41"/>
      <c r="W87" s="42"/>
      <c r="X87" s="42"/>
      <c r="Y87" s="42"/>
      <c r="Z87" s="42"/>
      <c r="AA87" s="43"/>
    </row>
    <row r="88" spans="2:27" ht="24.95" customHeight="1">
      <c r="B88" s="15">
        <v>72</v>
      </c>
      <c r="C88" s="35"/>
      <c r="D88" s="36"/>
      <c r="E88" s="37"/>
      <c r="F88" s="38"/>
      <c r="G88" s="39"/>
      <c r="H88" s="39"/>
      <c r="I88" s="39"/>
      <c r="J88" s="40"/>
      <c r="K88" s="38"/>
      <c r="L88" s="39"/>
      <c r="M88" s="39"/>
      <c r="N88" s="39"/>
      <c r="O88" s="40"/>
      <c r="P88" s="15"/>
      <c r="Q88" s="35"/>
      <c r="R88" s="36"/>
      <c r="S88" s="37"/>
      <c r="T88" s="15"/>
      <c r="U88" s="14" t="str">
        <f t="shared" si="1"/>
        <v/>
      </c>
      <c r="V88" s="41"/>
      <c r="W88" s="42"/>
      <c r="X88" s="42"/>
      <c r="Y88" s="42"/>
      <c r="Z88" s="42"/>
      <c r="AA88" s="43"/>
    </row>
    <row r="89" spans="2:27" ht="24.95" customHeight="1">
      <c r="B89" s="15">
        <v>73</v>
      </c>
      <c r="C89" s="35"/>
      <c r="D89" s="36"/>
      <c r="E89" s="37"/>
      <c r="F89" s="38"/>
      <c r="G89" s="39"/>
      <c r="H89" s="39"/>
      <c r="I89" s="39"/>
      <c r="J89" s="40"/>
      <c r="K89" s="38"/>
      <c r="L89" s="39"/>
      <c r="M89" s="39"/>
      <c r="N89" s="39"/>
      <c r="O89" s="40"/>
      <c r="P89" s="15"/>
      <c r="Q89" s="35"/>
      <c r="R89" s="36"/>
      <c r="S89" s="37"/>
      <c r="T89" s="15"/>
      <c r="U89" s="14" t="str">
        <f t="shared" si="1"/>
        <v/>
      </c>
      <c r="V89" s="41"/>
      <c r="W89" s="42"/>
      <c r="X89" s="42"/>
      <c r="Y89" s="42"/>
      <c r="Z89" s="42"/>
      <c r="AA89" s="43"/>
    </row>
    <row r="90" spans="2:27" ht="24.95" customHeight="1">
      <c r="B90" s="15">
        <v>74</v>
      </c>
      <c r="C90" s="35"/>
      <c r="D90" s="36"/>
      <c r="E90" s="37"/>
      <c r="F90" s="38"/>
      <c r="G90" s="39"/>
      <c r="H90" s="39"/>
      <c r="I90" s="39"/>
      <c r="J90" s="40"/>
      <c r="K90" s="38"/>
      <c r="L90" s="39"/>
      <c r="M90" s="39"/>
      <c r="N90" s="39"/>
      <c r="O90" s="40"/>
      <c r="P90" s="15"/>
      <c r="Q90" s="35"/>
      <c r="R90" s="36"/>
      <c r="S90" s="37"/>
      <c r="T90" s="15"/>
      <c r="U90" s="14" t="str">
        <f t="shared" si="1"/>
        <v/>
      </c>
      <c r="V90" s="41"/>
      <c r="W90" s="42"/>
      <c r="X90" s="42"/>
      <c r="Y90" s="42"/>
      <c r="Z90" s="42"/>
      <c r="AA90" s="43"/>
    </row>
    <row r="91" spans="2:27" ht="24.95" customHeight="1">
      <c r="B91" s="15">
        <v>75</v>
      </c>
      <c r="C91" s="35"/>
      <c r="D91" s="36"/>
      <c r="E91" s="37"/>
      <c r="F91" s="38"/>
      <c r="G91" s="39"/>
      <c r="H91" s="39"/>
      <c r="I91" s="39"/>
      <c r="J91" s="40"/>
      <c r="K91" s="38"/>
      <c r="L91" s="39"/>
      <c r="M91" s="39"/>
      <c r="N91" s="39"/>
      <c r="O91" s="40"/>
      <c r="P91" s="15"/>
      <c r="Q91" s="35"/>
      <c r="R91" s="36"/>
      <c r="S91" s="37"/>
      <c r="T91" s="15"/>
      <c r="U91" s="14" t="str">
        <f t="shared" si="1"/>
        <v/>
      </c>
      <c r="V91" s="41"/>
      <c r="W91" s="42"/>
      <c r="X91" s="42"/>
      <c r="Y91" s="42"/>
      <c r="Z91" s="42"/>
      <c r="AA91" s="43"/>
    </row>
    <row r="92" spans="2:27" ht="24.95" customHeight="1">
      <c r="B92" s="15">
        <v>76</v>
      </c>
      <c r="C92" s="35"/>
      <c r="D92" s="36"/>
      <c r="E92" s="37"/>
      <c r="F92" s="38"/>
      <c r="G92" s="39"/>
      <c r="H92" s="39"/>
      <c r="I92" s="39"/>
      <c r="J92" s="40"/>
      <c r="K92" s="38"/>
      <c r="L92" s="39"/>
      <c r="M92" s="39"/>
      <c r="N92" s="39"/>
      <c r="O92" s="40"/>
      <c r="P92" s="15"/>
      <c r="Q92" s="35"/>
      <c r="R92" s="36"/>
      <c r="S92" s="37"/>
      <c r="T92" s="15"/>
      <c r="U92" s="14" t="str">
        <f t="shared" si="1"/>
        <v/>
      </c>
      <c r="V92" s="41"/>
      <c r="W92" s="42"/>
      <c r="X92" s="42"/>
      <c r="Y92" s="42"/>
      <c r="Z92" s="42"/>
      <c r="AA92" s="43"/>
    </row>
    <row r="93" spans="2:27" ht="24.95" customHeight="1">
      <c r="B93" s="15">
        <v>77</v>
      </c>
      <c r="C93" s="35"/>
      <c r="D93" s="36"/>
      <c r="E93" s="37"/>
      <c r="F93" s="38"/>
      <c r="G93" s="39"/>
      <c r="H93" s="39"/>
      <c r="I93" s="39"/>
      <c r="J93" s="40"/>
      <c r="K93" s="38"/>
      <c r="L93" s="39"/>
      <c r="M93" s="39"/>
      <c r="N93" s="39"/>
      <c r="O93" s="40"/>
      <c r="P93" s="15"/>
      <c r="Q93" s="35"/>
      <c r="R93" s="36"/>
      <c r="S93" s="37"/>
      <c r="T93" s="15"/>
      <c r="U93" s="14" t="str">
        <f t="shared" si="1"/>
        <v/>
      </c>
      <c r="V93" s="41"/>
      <c r="W93" s="42"/>
      <c r="X93" s="42"/>
      <c r="Y93" s="42"/>
      <c r="Z93" s="42"/>
      <c r="AA93" s="43"/>
    </row>
    <row r="94" spans="2:27" ht="24.95" customHeight="1">
      <c r="B94" s="15">
        <v>78</v>
      </c>
      <c r="C94" s="35"/>
      <c r="D94" s="36"/>
      <c r="E94" s="37"/>
      <c r="F94" s="38"/>
      <c r="G94" s="39"/>
      <c r="H94" s="39"/>
      <c r="I94" s="39"/>
      <c r="J94" s="40"/>
      <c r="K94" s="38"/>
      <c r="L94" s="39"/>
      <c r="M94" s="39"/>
      <c r="N94" s="39"/>
      <c r="O94" s="40"/>
      <c r="P94" s="15"/>
      <c r="Q94" s="35"/>
      <c r="R94" s="36"/>
      <c r="S94" s="37"/>
      <c r="T94" s="15"/>
      <c r="U94" s="14" t="str">
        <f t="shared" si="1"/>
        <v/>
      </c>
      <c r="V94" s="41"/>
      <c r="W94" s="42"/>
      <c r="X94" s="42"/>
      <c r="Y94" s="42"/>
      <c r="Z94" s="42"/>
      <c r="AA94" s="43"/>
    </row>
    <row r="95" spans="2:27" ht="24.95" customHeight="1">
      <c r="B95" s="15">
        <v>79</v>
      </c>
      <c r="C95" s="35"/>
      <c r="D95" s="36"/>
      <c r="E95" s="37"/>
      <c r="F95" s="38"/>
      <c r="G95" s="39"/>
      <c r="H95" s="39"/>
      <c r="I95" s="39"/>
      <c r="J95" s="40"/>
      <c r="K95" s="38"/>
      <c r="L95" s="39"/>
      <c r="M95" s="39"/>
      <c r="N95" s="39"/>
      <c r="O95" s="40"/>
      <c r="P95" s="15"/>
      <c r="Q95" s="35"/>
      <c r="R95" s="36"/>
      <c r="S95" s="37"/>
      <c r="T95" s="15"/>
      <c r="U95" s="14" t="str">
        <f t="shared" si="1"/>
        <v/>
      </c>
      <c r="V95" s="41"/>
      <c r="W95" s="42"/>
      <c r="X95" s="42"/>
      <c r="Y95" s="42"/>
      <c r="Z95" s="42"/>
      <c r="AA95" s="43"/>
    </row>
    <row r="96" spans="2:27" ht="24.95" customHeight="1">
      <c r="B96" s="15">
        <v>80</v>
      </c>
      <c r="C96" s="35"/>
      <c r="D96" s="36"/>
      <c r="E96" s="37"/>
      <c r="F96" s="38"/>
      <c r="G96" s="39"/>
      <c r="H96" s="39"/>
      <c r="I96" s="39"/>
      <c r="J96" s="40"/>
      <c r="K96" s="38"/>
      <c r="L96" s="39"/>
      <c r="M96" s="39"/>
      <c r="N96" s="39"/>
      <c r="O96" s="40"/>
      <c r="P96" s="15"/>
      <c r="Q96" s="35"/>
      <c r="R96" s="36"/>
      <c r="S96" s="37"/>
      <c r="T96" s="15"/>
      <c r="U96" s="14" t="str">
        <f>IF(ISBLANK($T96),"",IF(T96&gt;=100,"合","否"))</f>
        <v/>
      </c>
      <c r="V96" s="41"/>
      <c r="W96" s="42"/>
      <c r="X96" s="42"/>
      <c r="Y96" s="42"/>
      <c r="Z96" s="42"/>
      <c r="AA96" s="43"/>
    </row>
    <row r="101" spans="11:15">
      <c r="K101" s="17"/>
      <c r="L101" s="17"/>
      <c r="M101" s="17"/>
      <c r="N101" s="17"/>
      <c r="O101" s="17"/>
    </row>
  </sheetData>
  <mergeCells count="419">
    <mergeCell ref="C55:E55"/>
    <mergeCell ref="F55:J55"/>
    <mergeCell ref="K55:O55"/>
    <mergeCell ref="Q55:S55"/>
    <mergeCell ref="V55:AA55"/>
    <mergeCell ref="C56:E56"/>
    <mergeCell ref="F56:J56"/>
    <mergeCell ref="K56:O56"/>
    <mergeCell ref="Q56:S56"/>
    <mergeCell ref="V56:AA56"/>
    <mergeCell ref="C53:E53"/>
    <mergeCell ref="F53:J53"/>
    <mergeCell ref="K53:O53"/>
    <mergeCell ref="Q53:S53"/>
    <mergeCell ref="V53:AA53"/>
    <mergeCell ref="C54:E54"/>
    <mergeCell ref="F54:J54"/>
    <mergeCell ref="K54:O54"/>
    <mergeCell ref="Q54:S54"/>
    <mergeCell ref="V54:AA54"/>
    <mergeCell ref="C51:E51"/>
    <mergeCell ref="F51:J51"/>
    <mergeCell ref="K51:O51"/>
    <mergeCell ref="Q51:S51"/>
    <mergeCell ref="V51:AA51"/>
    <mergeCell ref="C52:E52"/>
    <mergeCell ref="F52:J52"/>
    <mergeCell ref="K52:O52"/>
    <mergeCell ref="Q52:S52"/>
    <mergeCell ref="V52:AA52"/>
    <mergeCell ref="C49:E49"/>
    <mergeCell ref="F49:J49"/>
    <mergeCell ref="K49:O49"/>
    <mergeCell ref="Q49:S49"/>
    <mergeCell ref="V49:AA49"/>
    <mergeCell ref="C50:E50"/>
    <mergeCell ref="F50:J50"/>
    <mergeCell ref="K50:O50"/>
    <mergeCell ref="Q50:S50"/>
    <mergeCell ref="V50:AA50"/>
    <mergeCell ref="C47:E47"/>
    <mergeCell ref="F47:J47"/>
    <mergeCell ref="K47:O47"/>
    <mergeCell ref="Q47:S47"/>
    <mergeCell ref="V47:AA47"/>
    <mergeCell ref="C48:E48"/>
    <mergeCell ref="F48:J48"/>
    <mergeCell ref="K48:O48"/>
    <mergeCell ref="Q48:S48"/>
    <mergeCell ref="V48:AA48"/>
    <mergeCell ref="C45:E45"/>
    <mergeCell ref="F45:J45"/>
    <mergeCell ref="K45:O45"/>
    <mergeCell ref="Q45:S45"/>
    <mergeCell ref="V45:AA45"/>
    <mergeCell ref="C46:E46"/>
    <mergeCell ref="F46:J46"/>
    <mergeCell ref="K46:O46"/>
    <mergeCell ref="Q46:S46"/>
    <mergeCell ref="V46:AA46"/>
    <mergeCell ref="C43:E43"/>
    <mergeCell ref="F43:J43"/>
    <mergeCell ref="K43:O43"/>
    <mergeCell ref="Q43:S43"/>
    <mergeCell ref="V43:AA43"/>
    <mergeCell ref="C44:E44"/>
    <mergeCell ref="F44:J44"/>
    <mergeCell ref="K44:O44"/>
    <mergeCell ref="Q44:S44"/>
    <mergeCell ref="V44:AA44"/>
    <mergeCell ref="C41:E41"/>
    <mergeCell ref="F41:J41"/>
    <mergeCell ref="K41:O41"/>
    <mergeCell ref="Q41:S41"/>
    <mergeCell ref="V41:AA41"/>
    <mergeCell ref="C42:E42"/>
    <mergeCell ref="F42:J42"/>
    <mergeCell ref="K42:O42"/>
    <mergeCell ref="Q42:S42"/>
    <mergeCell ref="V42:AA42"/>
    <mergeCell ref="C39:E39"/>
    <mergeCell ref="F39:J39"/>
    <mergeCell ref="K39:O39"/>
    <mergeCell ref="Q39:S39"/>
    <mergeCell ref="V39:AA39"/>
    <mergeCell ref="C40:E40"/>
    <mergeCell ref="F40:J40"/>
    <mergeCell ref="K40:O40"/>
    <mergeCell ref="Q40:S40"/>
    <mergeCell ref="V40:AA40"/>
    <mergeCell ref="C37:E37"/>
    <mergeCell ref="F37:J37"/>
    <mergeCell ref="K37:O37"/>
    <mergeCell ref="Q37:S37"/>
    <mergeCell ref="V37:AA37"/>
    <mergeCell ref="C38:E38"/>
    <mergeCell ref="F38:J38"/>
    <mergeCell ref="K38:O38"/>
    <mergeCell ref="Q38:S38"/>
    <mergeCell ref="V38:AA38"/>
    <mergeCell ref="C35:E35"/>
    <mergeCell ref="F35:J35"/>
    <mergeCell ref="K35:O35"/>
    <mergeCell ref="Q35:S35"/>
    <mergeCell ref="V35:AA35"/>
    <mergeCell ref="C36:E36"/>
    <mergeCell ref="F36:J36"/>
    <mergeCell ref="K36:O36"/>
    <mergeCell ref="Q36:S36"/>
    <mergeCell ref="V36:AA36"/>
    <mergeCell ref="C33:E33"/>
    <mergeCell ref="F33:J33"/>
    <mergeCell ref="K33:O33"/>
    <mergeCell ref="Q33:S33"/>
    <mergeCell ref="V33:AA33"/>
    <mergeCell ref="C34:E34"/>
    <mergeCell ref="F34:J34"/>
    <mergeCell ref="K34:O34"/>
    <mergeCell ref="Q34:S34"/>
    <mergeCell ref="V34:AA34"/>
    <mergeCell ref="C31:E31"/>
    <mergeCell ref="F31:J31"/>
    <mergeCell ref="K31:O31"/>
    <mergeCell ref="Q31:S31"/>
    <mergeCell ref="V31:AA31"/>
    <mergeCell ref="C32:E32"/>
    <mergeCell ref="F32:J32"/>
    <mergeCell ref="K32:O32"/>
    <mergeCell ref="Q32:S32"/>
    <mergeCell ref="V32:AA32"/>
    <mergeCell ref="C29:E29"/>
    <mergeCell ref="F29:J29"/>
    <mergeCell ref="K29:O29"/>
    <mergeCell ref="Q29:S29"/>
    <mergeCell ref="V29:AA29"/>
    <mergeCell ref="C30:E30"/>
    <mergeCell ref="F30:J30"/>
    <mergeCell ref="K30:O30"/>
    <mergeCell ref="Q30:S30"/>
    <mergeCell ref="V30:AA30"/>
    <mergeCell ref="C27:E27"/>
    <mergeCell ref="F27:J27"/>
    <mergeCell ref="K27:O27"/>
    <mergeCell ref="Q27:S27"/>
    <mergeCell ref="V27:AA27"/>
    <mergeCell ref="C28:E28"/>
    <mergeCell ref="F28:J28"/>
    <mergeCell ref="K28:O28"/>
    <mergeCell ref="Q28:S28"/>
    <mergeCell ref="V28:AA28"/>
    <mergeCell ref="C25:E25"/>
    <mergeCell ref="F25:J25"/>
    <mergeCell ref="K25:O25"/>
    <mergeCell ref="Q25:S25"/>
    <mergeCell ref="V25:AA25"/>
    <mergeCell ref="C26:E26"/>
    <mergeCell ref="F26:J26"/>
    <mergeCell ref="K26:O26"/>
    <mergeCell ref="Q26:S26"/>
    <mergeCell ref="V26:AA26"/>
    <mergeCell ref="C23:E23"/>
    <mergeCell ref="F23:J23"/>
    <mergeCell ref="K23:O23"/>
    <mergeCell ref="Q23:S23"/>
    <mergeCell ref="V23:AA23"/>
    <mergeCell ref="C24:E24"/>
    <mergeCell ref="F24:J24"/>
    <mergeCell ref="K24:O24"/>
    <mergeCell ref="Q24:S24"/>
    <mergeCell ref="V24:AA24"/>
    <mergeCell ref="C21:E21"/>
    <mergeCell ref="F21:J21"/>
    <mergeCell ref="K21:O21"/>
    <mergeCell ref="Q21:S21"/>
    <mergeCell ref="V21:AA21"/>
    <mergeCell ref="C22:E22"/>
    <mergeCell ref="F22:J22"/>
    <mergeCell ref="K22:O22"/>
    <mergeCell ref="Q22:S22"/>
    <mergeCell ref="V22:AA22"/>
    <mergeCell ref="C19:E19"/>
    <mergeCell ref="F19:J19"/>
    <mergeCell ref="K19:O19"/>
    <mergeCell ref="Q19:S19"/>
    <mergeCell ref="V19:AA19"/>
    <mergeCell ref="C20:E20"/>
    <mergeCell ref="F20:J20"/>
    <mergeCell ref="K20:O20"/>
    <mergeCell ref="Q20:S20"/>
    <mergeCell ref="V20:AA20"/>
    <mergeCell ref="C17:E17"/>
    <mergeCell ref="F17:J17"/>
    <mergeCell ref="K17:O17"/>
    <mergeCell ref="Q17:S17"/>
    <mergeCell ref="V17:AA17"/>
    <mergeCell ref="C18:E18"/>
    <mergeCell ref="F18:J18"/>
    <mergeCell ref="K18:O18"/>
    <mergeCell ref="Q18:S18"/>
    <mergeCell ref="V18:AA18"/>
    <mergeCell ref="B1:AA1"/>
    <mergeCell ref="B2:AA2"/>
    <mergeCell ref="B3:AA3"/>
    <mergeCell ref="B5:E5"/>
    <mergeCell ref="F5:S5"/>
    <mergeCell ref="U5:X5"/>
    <mergeCell ref="C57:E57"/>
    <mergeCell ref="F57:J57"/>
    <mergeCell ref="K57:O57"/>
    <mergeCell ref="Q57:S57"/>
    <mergeCell ref="V57:AA57"/>
    <mergeCell ref="U9:V9"/>
    <mergeCell ref="W9:X9"/>
    <mergeCell ref="C16:E16"/>
    <mergeCell ref="F16:J16"/>
    <mergeCell ref="K16:O16"/>
    <mergeCell ref="Q16:S16"/>
    <mergeCell ref="V16:AA16"/>
    <mergeCell ref="B6:E7"/>
    <mergeCell ref="F6:S7"/>
    <mergeCell ref="U6:V7"/>
    <mergeCell ref="W6:X7"/>
    <mergeCell ref="U8:V8"/>
    <mergeCell ref="W8:X8"/>
    <mergeCell ref="C58:E58"/>
    <mergeCell ref="F58:J58"/>
    <mergeCell ref="K58:O58"/>
    <mergeCell ref="Q58:S58"/>
    <mergeCell ref="V58:AA58"/>
    <mergeCell ref="C59:E59"/>
    <mergeCell ref="F59:J59"/>
    <mergeCell ref="K59:O59"/>
    <mergeCell ref="Q59:S59"/>
    <mergeCell ref="V59:AA59"/>
    <mergeCell ref="C60:E60"/>
    <mergeCell ref="F60:J60"/>
    <mergeCell ref="K60:O60"/>
    <mergeCell ref="Q60:S60"/>
    <mergeCell ref="V60:AA60"/>
    <mergeCell ref="C61:E61"/>
    <mergeCell ref="F61:J61"/>
    <mergeCell ref="K61:O61"/>
    <mergeCell ref="Q61:S61"/>
    <mergeCell ref="V61:AA61"/>
    <mergeCell ref="C62:E62"/>
    <mergeCell ref="F62:J62"/>
    <mergeCell ref="K62:O62"/>
    <mergeCell ref="Q62:S62"/>
    <mergeCell ref="V62:AA62"/>
    <mergeCell ref="C63:E63"/>
    <mergeCell ref="F63:J63"/>
    <mergeCell ref="K63:O63"/>
    <mergeCell ref="Q63:S63"/>
    <mergeCell ref="V63:AA63"/>
    <mergeCell ref="C64:E64"/>
    <mergeCell ref="F64:J64"/>
    <mergeCell ref="K64:O64"/>
    <mergeCell ref="Q64:S64"/>
    <mergeCell ref="V64:AA64"/>
    <mergeCell ref="C65:E65"/>
    <mergeCell ref="F65:J65"/>
    <mergeCell ref="K65:O65"/>
    <mergeCell ref="Q65:S65"/>
    <mergeCell ref="V65:AA65"/>
    <mergeCell ref="C66:E66"/>
    <mergeCell ref="F66:J66"/>
    <mergeCell ref="K66:O66"/>
    <mergeCell ref="Q66:S66"/>
    <mergeCell ref="V66:AA66"/>
    <mergeCell ref="C67:E67"/>
    <mergeCell ref="F67:J67"/>
    <mergeCell ref="K67:O67"/>
    <mergeCell ref="Q67:S67"/>
    <mergeCell ref="V67:AA67"/>
    <mergeCell ref="C68:E68"/>
    <mergeCell ref="F68:J68"/>
    <mergeCell ref="K68:O68"/>
    <mergeCell ref="Q68:S68"/>
    <mergeCell ref="V68:AA68"/>
    <mergeCell ref="C69:E69"/>
    <mergeCell ref="F69:J69"/>
    <mergeCell ref="K69:O69"/>
    <mergeCell ref="Q69:S69"/>
    <mergeCell ref="V69:AA69"/>
    <mergeCell ref="C70:E70"/>
    <mergeCell ref="F70:J70"/>
    <mergeCell ref="K70:O70"/>
    <mergeCell ref="Q70:S70"/>
    <mergeCell ref="V70:AA70"/>
    <mergeCell ref="C71:E71"/>
    <mergeCell ref="F71:J71"/>
    <mergeCell ref="K71:O71"/>
    <mergeCell ref="Q71:S71"/>
    <mergeCell ref="V71:AA71"/>
    <mergeCell ref="C72:E72"/>
    <mergeCell ref="F72:J72"/>
    <mergeCell ref="K72:O72"/>
    <mergeCell ref="Q72:S72"/>
    <mergeCell ref="V72:AA72"/>
    <mergeCell ref="C73:E73"/>
    <mergeCell ref="F73:J73"/>
    <mergeCell ref="K73:O73"/>
    <mergeCell ref="Q73:S73"/>
    <mergeCell ref="V73:AA73"/>
    <mergeCell ref="C74:E74"/>
    <mergeCell ref="F74:J74"/>
    <mergeCell ref="K74:O74"/>
    <mergeCell ref="Q74:S74"/>
    <mergeCell ref="V74:AA74"/>
    <mergeCell ref="C75:E75"/>
    <mergeCell ref="F75:J75"/>
    <mergeCell ref="K75:O75"/>
    <mergeCell ref="Q75:S75"/>
    <mergeCell ref="V75:AA75"/>
    <mergeCell ref="C76:E76"/>
    <mergeCell ref="F76:J76"/>
    <mergeCell ref="K76:O76"/>
    <mergeCell ref="Q76:S76"/>
    <mergeCell ref="V76:AA76"/>
    <mergeCell ref="C77:E77"/>
    <mergeCell ref="F77:J77"/>
    <mergeCell ref="K77:O77"/>
    <mergeCell ref="Q77:S77"/>
    <mergeCell ref="V77:AA77"/>
    <mergeCell ref="C78:E78"/>
    <mergeCell ref="F78:J78"/>
    <mergeCell ref="K78:O78"/>
    <mergeCell ref="Q78:S78"/>
    <mergeCell ref="V78:AA78"/>
    <mergeCell ref="C79:E79"/>
    <mergeCell ref="F79:J79"/>
    <mergeCell ref="K79:O79"/>
    <mergeCell ref="Q79:S79"/>
    <mergeCell ref="V79:AA79"/>
    <mergeCell ref="C80:E80"/>
    <mergeCell ref="F80:J80"/>
    <mergeCell ref="K80:O80"/>
    <mergeCell ref="Q80:S80"/>
    <mergeCell ref="V80:AA80"/>
    <mergeCell ref="C81:E81"/>
    <mergeCell ref="F81:J81"/>
    <mergeCell ref="K81:O81"/>
    <mergeCell ref="Q81:S81"/>
    <mergeCell ref="V81:AA81"/>
    <mergeCell ref="C82:E82"/>
    <mergeCell ref="F82:J82"/>
    <mergeCell ref="K82:O82"/>
    <mergeCell ref="Q82:S82"/>
    <mergeCell ref="V82:AA82"/>
    <mergeCell ref="C83:E83"/>
    <mergeCell ref="F83:J83"/>
    <mergeCell ref="K83:O83"/>
    <mergeCell ref="Q83:S83"/>
    <mergeCell ref="V83:AA83"/>
    <mergeCell ref="C84:E84"/>
    <mergeCell ref="F84:J84"/>
    <mergeCell ref="K84:O84"/>
    <mergeCell ref="Q84:S84"/>
    <mergeCell ref="V84:AA84"/>
    <mergeCell ref="C85:E85"/>
    <mergeCell ref="F85:J85"/>
    <mergeCell ref="K85:O85"/>
    <mergeCell ref="Q85:S85"/>
    <mergeCell ref="V85:AA85"/>
    <mergeCell ref="C86:E86"/>
    <mergeCell ref="F86:J86"/>
    <mergeCell ref="K86:O86"/>
    <mergeCell ref="Q86:S86"/>
    <mergeCell ref="V86:AA86"/>
    <mergeCell ref="C87:E87"/>
    <mergeCell ref="F87:J87"/>
    <mergeCell ref="K87:O87"/>
    <mergeCell ref="Q87:S87"/>
    <mergeCell ref="V87:AA87"/>
    <mergeCell ref="C88:E88"/>
    <mergeCell ref="F88:J88"/>
    <mergeCell ref="K88:O88"/>
    <mergeCell ref="Q88:S88"/>
    <mergeCell ref="V88:AA88"/>
    <mergeCell ref="C89:E89"/>
    <mergeCell ref="F89:J89"/>
    <mergeCell ref="K89:O89"/>
    <mergeCell ref="Q89:S89"/>
    <mergeCell ref="V89:AA89"/>
    <mergeCell ref="C90:E90"/>
    <mergeCell ref="F90:J90"/>
    <mergeCell ref="K90:O90"/>
    <mergeCell ref="Q90:S90"/>
    <mergeCell ref="V90:AA90"/>
    <mergeCell ref="C91:E91"/>
    <mergeCell ref="F91:J91"/>
    <mergeCell ref="K91:O91"/>
    <mergeCell ref="Q91:S91"/>
    <mergeCell ref="V91:AA91"/>
    <mergeCell ref="C92:E92"/>
    <mergeCell ref="F92:J92"/>
    <mergeCell ref="K92:O92"/>
    <mergeCell ref="Q92:S92"/>
    <mergeCell ref="V92:AA92"/>
    <mergeCell ref="C93:E93"/>
    <mergeCell ref="F93:J93"/>
    <mergeCell ref="K93:O93"/>
    <mergeCell ref="Q93:S93"/>
    <mergeCell ref="V93:AA93"/>
    <mergeCell ref="C96:E96"/>
    <mergeCell ref="F96:J96"/>
    <mergeCell ref="K96:O96"/>
    <mergeCell ref="Q96:S96"/>
    <mergeCell ref="V96:AA96"/>
    <mergeCell ref="C94:E94"/>
    <mergeCell ref="F94:J94"/>
    <mergeCell ref="K94:O94"/>
    <mergeCell ref="Q94:S94"/>
    <mergeCell ref="V94:AA94"/>
    <mergeCell ref="C95:E95"/>
    <mergeCell ref="F95:J95"/>
    <mergeCell ref="K95:O95"/>
    <mergeCell ref="Q95:S95"/>
    <mergeCell ref="V95:AA95"/>
  </mergeCells>
  <phoneticPr fontId="1"/>
  <dataValidations count="1">
    <dataValidation type="list" allowBlank="1" showInputMessage="1" showErrorMessage="1" sqref="P17:P96" xr:uid="{00000000-0002-0000-0200-000000000000}">
      <formula1>"男,女,無回答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55" fitToHeight="0" orientation="landscape" horizontalDpi="360" verticalDpi="360" r:id="rId1"/>
  <rowBreaks count="2" manualBreakCount="2">
    <brk id="35" max="27" man="1"/>
    <brk id="101" max="27" man="1"/>
  </row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A1:AA101"/>
  <sheetViews>
    <sheetView view="pageBreakPreview" topLeftCell="B1" zoomScale="85" zoomScaleNormal="100" zoomScaleSheetLayoutView="85" workbookViewId="0">
      <selection activeCell="B1" sqref="B1:AA1"/>
    </sheetView>
  </sheetViews>
  <sheetFormatPr defaultColWidth="8.875" defaultRowHeight="15.75"/>
  <cols>
    <col min="1" max="1" width="2.625" style="16" customWidth="1"/>
    <col min="2" max="2" width="11.125" style="16" customWidth="1"/>
    <col min="3" max="4" width="9.5" style="16" customWidth="1"/>
    <col min="5" max="5" width="5" style="16" customWidth="1"/>
    <col min="6" max="15" width="8.625" style="16" customWidth="1"/>
    <col min="16" max="24" width="8.875" style="16"/>
    <col min="25" max="28" width="3.625" style="16" customWidth="1"/>
    <col min="29" max="16384" width="8.875" style="16"/>
  </cols>
  <sheetData>
    <row r="1" spans="1:27" s="19" customFormat="1" ht="26.25">
      <c r="B1" s="50" t="s">
        <v>42</v>
      </c>
      <c r="C1" s="50"/>
      <c r="D1" s="50"/>
      <c r="E1" s="50"/>
      <c r="F1" s="50"/>
      <c r="G1" s="50"/>
      <c r="H1" s="50"/>
      <c r="I1" s="50"/>
      <c r="J1" s="50"/>
      <c r="K1" s="50"/>
      <c r="L1" s="50"/>
      <c r="M1" s="50"/>
      <c r="N1" s="50"/>
      <c r="O1" s="50"/>
      <c r="P1" s="50"/>
      <c r="Q1" s="50"/>
      <c r="R1" s="50"/>
      <c r="S1" s="50"/>
      <c r="T1" s="50"/>
      <c r="U1" s="50"/>
      <c r="V1" s="50"/>
      <c r="W1" s="50"/>
      <c r="X1" s="50"/>
      <c r="Y1" s="50"/>
      <c r="Z1" s="50"/>
      <c r="AA1" s="50"/>
    </row>
    <row r="2" spans="1:27" s="19" customFormat="1" ht="26.25">
      <c r="B2" s="50" t="s">
        <v>13</v>
      </c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  <c r="T2" s="50"/>
      <c r="U2" s="50"/>
      <c r="V2" s="50"/>
      <c r="W2" s="50"/>
      <c r="X2" s="50"/>
      <c r="Y2" s="50"/>
      <c r="Z2" s="50"/>
      <c r="AA2" s="50"/>
    </row>
    <row r="3" spans="1:27" s="19" customFormat="1" ht="26.25">
      <c r="B3" s="50" t="s">
        <v>68</v>
      </c>
      <c r="C3" s="50"/>
      <c r="D3" s="50"/>
      <c r="E3" s="50"/>
      <c r="F3" s="50"/>
      <c r="G3" s="50"/>
      <c r="H3" s="50"/>
      <c r="I3" s="50"/>
      <c r="J3" s="50"/>
      <c r="K3" s="50"/>
      <c r="L3" s="50"/>
      <c r="M3" s="50"/>
      <c r="N3" s="50"/>
      <c r="O3" s="50"/>
      <c r="P3" s="50"/>
      <c r="Q3" s="50"/>
      <c r="R3" s="50"/>
      <c r="S3" s="50"/>
      <c r="T3" s="50"/>
      <c r="U3" s="50"/>
      <c r="V3" s="50"/>
      <c r="W3" s="50"/>
      <c r="X3" s="50"/>
      <c r="Y3" s="50"/>
      <c r="Z3" s="50"/>
      <c r="AA3" s="50"/>
    </row>
    <row r="5" spans="1:27" ht="29.45" customHeight="1">
      <c r="B5" s="47" t="s">
        <v>14</v>
      </c>
      <c r="C5" s="48"/>
      <c r="D5" s="48"/>
      <c r="E5" s="49"/>
      <c r="F5" s="47" t="s">
        <v>37</v>
      </c>
      <c r="G5" s="48"/>
      <c r="H5" s="48"/>
      <c r="I5" s="48"/>
      <c r="J5" s="48"/>
      <c r="K5" s="48"/>
      <c r="L5" s="48"/>
      <c r="M5" s="48"/>
      <c r="N5" s="48"/>
      <c r="O5" s="48"/>
      <c r="P5" s="48"/>
      <c r="Q5" s="48"/>
      <c r="R5" s="48"/>
      <c r="S5" s="49"/>
      <c r="U5" s="55" t="s">
        <v>15</v>
      </c>
      <c r="V5" s="55"/>
      <c r="W5" s="55"/>
      <c r="X5" s="55"/>
    </row>
    <row r="6" spans="1:27" ht="14.25" customHeight="1">
      <c r="B6" s="52"/>
      <c r="C6" s="53"/>
      <c r="D6" s="53"/>
      <c r="E6" s="54"/>
      <c r="F6" s="35"/>
      <c r="G6" s="36"/>
      <c r="H6" s="36"/>
      <c r="I6" s="36"/>
      <c r="J6" s="36"/>
      <c r="K6" s="36"/>
      <c r="L6" s="36"/>
      <c r="M6" s="36"/>
      <c r="N6" s="36"/>
      <c r="O6" s="36"/>
      <c r="P6" s="36"/>
      <c r="Q6" s="36"/>
      <c r="R6" s="36"/>
      <c r="S6" s="37"/>
      <c r="U6" s="51" t="s">
        <v>54</v>
      </c>
      <c r="V6" s="51"/>
      <c r="W6" s="51"/>
      <c r="X6" s="51"/>
    </row>
    <row r="7" spans="1:27" ht="17.100000000000001" customHeight="1">
      <c r="B7" s="52"/>
      <c r="C7" s="53"/>
      <c r="D7" s="53"/>
      <c r="E7" s="54"/>
      <c r="F7" s="35"/>
      <c r="G7" s="36"/>
      <c r="H7" s="36"/>
      <c r="I7" s="36"/>
      <c r="J7" s="36"/>
      <c r="K7" s="36"/>
      <c r="L7" s="36"/>
      <c r="M7" s="36"/>
      <c r="N7" s="36"/>
      <c r="O7" s="36"/>
      <c r="P7" s="36"/>
      <c r="Q7" s="36"/>
      <c r="R7" s="36"/>
      <c r="S7" s="37"/>
      <c r="U7" s="51"/>
      <c r="V7" s="51"/>
      <c r="W7" s="51"/>
      <c r="X7" s="51"/>
    </row>
    <row r="8" spans="1:27" ht="30.95" customHeight="1">
      <c r="E8" s="17"/>
      <c r="F8" s="17"/>
      <c r="G8" s="17"/>
      <c r="H8" s="17"/>
      <c r="I8" s="17"/>
      <c r="J8" s="17"/>
      <c r="K8" s="17"/>
      <c r="L8" s="17"/>
      <c r="M8" s="17"/>
      <c r="N8" s="17"/>
      <c r="O8" s="17"/>
      <c r="P8" s="17"/>
      <c r="Q8" s="17"/>
      <c r="R8" s="17"/>
      <c r="S8" s="17"/>
      <c r="U8" s="51" t="s">
        <v>16</v>
      </c>
      <c r="V8" s="51"/>
      <c r="W8" s="47"/>
      <c r="X8" s="49"/>
    </row>
    <row r="9" spans="1:27" ht="33.6" customHeight="1">
      <c r="E9" s="17"/>
      <c r="F9" s="17"/>
      <c r="G9" s="17"/>
      <c r="H9" s="17"/>
      <c r="I9" s="17"/>
      <c r="J9" s="17"/>
      <c r="K9" s="17"/>
      <c r="L9" s="17"/>
      <c r="M9" s="17"/>
      <c r="N9" s="17"/>
      <c r="O9" s="17"/>
      <c r="P9" s="17"/>
      <c r="Q9" s="17"/>
      <c r="R9" s="17"/>
      <c r="S9" s="17"/>
      <c r="U9" s="47" t="s">
        <v>17</v>
      </c>
      <c r="V9" s="49"/>
      <c r="W9" s="47"/>
      <c r="X9" s="49"/>
      <c r="Y9" s="17"/>
      <c r="Z9" s="17"/>
    </row>
    <row r="10" spans="1:27" ht="30" customHeight="1">
      <c r="E10" s="17"/>
      <c r="F10" s="17"/>
      <c r="G10" s="17"/>
      <c r="H10" s="17"/>
      <c r="I10" s="17"/>
      <c r="J10" s="17"/>
      <c r="K10" s="17"/>
      <c r="L10" s="17"/>
      <c r="M10" s="17"/>
      <c r="N10" s="17"/>
      <c r="O10" s="17"/>
      <c r="P10" s="17"/>
      <c r="Q10" s="17"/>
      <c r="R10" s="17"/>
      <c r="S10" s="17"/>
      <c r="Y10" s="17"/>
      <c r="Z10" s="17"/>
    </row>
    <row r="11" spans="1:27" ht="30" customHeight="1">
      <c r="E11" s="17"/>
      <c r="F11" s="17"/>
      <c r="G11" s="17"/>
      <c r="H11" s="17"/>
      <c r="I11" s="17"/>
      <c r="J11" s="17"/>
      <c r="K11" s="17"/>
      <c r="L11" s="17"/>
      <c r="M11" s="17"/>
      <c r="N11" s="17"/>
      <c r="O11" s="17"/>
      <c r="P11" s="17"/>
      <c r="Q11" s="17"/>
      <c r="R11" s="17"/>
      <c r="S11" s="17"/>
      <c r="Y11" s="17"/>
      <c r="Z11" s="17"/>
    </row>
    <row r="12" spans="1:27" ht="30" customHeight="1">
      <c r="E12" s="17"/>
      <c r="F12" s="17"/>
      <c r="G12" s="17"/>
      <c r="H12" s="17"/>
      <c r="I12" s="17"/>
      <c r="J12" s="17"/>
      <c r="K12" s="17"/>
      <c r="L12" s="17"/>
      <c r="M12" s="17"/>
      <c r="N12" s="17"/>
      <c r="O12" s="17"/>
      <c r="P12" s="17"/>
      <c r="Q12" s="17"/>
      <c r="R12" s="17"/>
      <c r="S12" s="17"/>
      <c r="Y12" s="17"/>
      <c r="Z12" s="17"/>
    </row>
    <row r="13" spans="1:27">
      <c r="E13" s="17"/>
      <c r="F13" s="17"/>
      <c r="G13" s="17"/>
      <c r="H13" s="17"/>
      <c r="I13" s="17"/>
      <c r="J13" s="17"/>
      <c r="K13" s="17"/>
      <c r="L13" s="17"/>
      <c r="M13" s="17"/>
      <c r="N13" s="17"/>
      <c r="O13" s="17"/>
      <c r="P13" s="17"/>
      <c r="Q13" s="17"/>
      <c r="R13" s="17"/>
      <c r="S13" s="17"/>
      <c r="U13" s="17"/>
      <c r="V13" s="17"/>
    </row>
    <row r="14" spans="1:27">
      <c r="E14" s="17"/>
      <c r="F14" s="17"/>
      <c r="G14" s="17"/>
      <c r="H14" s="17"/>
      <c r="I14" s="17"/>
      <c r="J14" s="17"/>
      <c r="K14" s="17"/>
      <c r="L14" s="17"/>
      <c r="M14" s="17"/>
      <c r="N14" s="17"/>
      <c r="O14" s="17"/>
      <c r="P14" s="17"/>
      <c r="Q14" s="17"/>
      <c r="R14" s="17"/>
      <c r="S14" s="17"/>
      <c r="U14" s="17"/>
      <c r="V14" s="17"/>
    </row>
    <row r="16" spans="1:27" ht="22.5" customHeight="1">
      <c r="A16" s="17"/>
      <c r="B16" s="18" t="s">
        <v>38</v>
      </c>
      <c r="C16" s="38" t="s">
        <v>18</v>
      </c>
      <c r="D16" s="39"/>
      <c r="E16" s="40"/>
      <c r="F16" s="38" t="s">
        <v>19</v>
      </c>
      <c r="G16" s="39"/>
      <c r="H16" s="39"/>
      <c r="I16" s="39"/>
      <c r="J16" s="40"/>
      <c r="K16" s="38" t="s">
        <v>20</v>
      </c>
      <c r="L16" s="39"/>
      <c r="M16" s="39"/>
      <c r="N16" s="39"/>
      <c r="O16" s="40"/>
      <c r="P16" s="18" t="s">
        <v>21</v>
      </c>
      <c r="Q16" s="38" t="s">
        <v>40</v>
      </c>
      <c r="R16" s="39"/>
      <c r="S16" s="40"/>
      <c r="T16" s="18" t="s">
        <v>22</v>
      </c>
      <c r="U16" s="18" t="s">
        <v>23</v>
      </c>
      <c r="V16" s="44" t="s">
        <v>39</v>
      </c>
      <c r="W16" s="45"/>
      <c r="X16" s="45"/>
      <c r="Y16" s="45"/>
      <c r="Z16" s="45"/>
      <c r="AA16" s="46"/>
    </row>
    <row r="17" spans="2:27" ht="24.95" customHeight="1">
      <c r="B17" s="15">
        <v>1</v>
      </c>
      <c r="C17" s="35"/>
      <c r="D17" s="36"/>
      <c r="E17" s="37"/>
      <c r="F17" s="38"/>
      <c r="G17" s="39"/>
      <c r="H17" s="39"/>
      <c r="I17" s="39"/>
      <c r="J17" s="40"/>
      <c r="K17" s="38"/>
      <c r="L17" s="39"/>
      <c r="M17" s="39"/>
      <c r="N17" s="39"/>
      <c r="O17" s="40"/>
      <c r="P17" s="15"/>
      <c r="Q17" s="35"/>
      <c r="R17" s="36"/>
      <c r="S17" s="37"/>
      <c r="T17" s="15"/>
      <c r="U17" s="14" t="str">
        <f>IF(ISBLANK($T17),"",IF(T17&gt;=100,"合","否"))</f>
        <v/>
      </c>
      <c r="V17" s="41"/>
      <c r="W17" s="42"/>
      <c r="X17" s="42"/>
      <c r="Y17" s="42"/>
      <c r="Z17" s="42"/>
      <c r="AA17" s="43"/>
    </row>
    <row r="18" spans="2:27" ht="24.95" customHeight="1">
      <c r="B18" s="15">
        <v>2</v>
      </c>
      <c r="C18" s="35"/>
      <c r="D18" s="36"/>
      <c r="E18" s="37"/>
      <c r="F18" s="38"/>
      <c r="G18" s="39"/>
      <c r="H18" s="39"/>
      <c r="I18" s="39"/>
      <c r="J18" s="40"/>
      <c r="K18" s="38"/>
      <c r="L18" s="39"/>
      <c r="M18" s="39"/>
      <c r="N18" s="39"/>
      <c r="O18" s="40"/>
      <c r="P18" s="15"/>
      <c r="Q18" s="35"/>
      <c r="R18" s="36"/>
      <c r="S18" s="37"/>
      <c r="T18" s="15"/>
      <c r="U18" s="14" t="str">
        <f t="shared" ref="U18:U56" si="0">IF(ISBLANK($T18),"",IF(T18&gt;=100,"合","否"))</f>
        <v/>
      </c>
      <c r="V18" s="41"/>
      <c r="W18" s="42"/>
      <c r="X18" s="42"/>
      <c r="Y18" s="42"/>
      <c r="Z18" s="42"/>
      <c r="AA18" s="43"/>
    </row>
    <row r="19" spans="2:27" ht="24.95" customHeight="1">
      <c r="B19" s="15">
        <v>3</v>
      </c>
      <c r="C19" s="35"/>
      <c r="D19" s="36"/>
      <c r="E19" s="37"/>
      <c r="F19" s="38"/>
      <c r="G19" s="39"/>
      <c r="H19" s="39"/>
      <c r="I19" s="39"/>
      <c r="J19" s="40"/>
      <c r="K19" s="38"/>
      <c r="L19" s="39"/>
      <c r="M19" s="39"/>
      <c r="N19" s="39"/>
      <c r="O19" s="40"/>
      <c r="P19" s="15"/>
      <c r="Q19" s="35"/>
      <c r="R19" s="36"/>
      <c r="S19" s="37"/>
      <c r="T19" s="15"/>
      <c r="U19" s="14" t="str">
        <f t="shared" si="0"/>
        <v/>
      </c>
      <c r="V19" s="41"/>
      <c r="W19" s="42"/>
      <c r="X19" s="42"/>
      <c r="Y19" s="42"/>
      <c r="Z19" s="42"/>
      <c r="AA19" s="43"/>
    </row>
    <row r="20" spans="2:27" ht="24.95" customHeight="1">
      <c r="B20" s="15">
        <v>4</v>
      </c>
      <c r="C20" s="35"/>
      <c r="D20" s="36"/>
      <c r="E20" s="37"/>
      <c r="F20" s="38"/>
      <c r="G20" s="39"/>
      <c r="H20" s="39"/>
      <c r="I20" s="39"/>
      <c r="J20" s="40"/>
      <c r="K20" s="38"/>
      <c r="L20" s="39"/>
      <c r="M20" s="39"/>
      <c r="N20" s="39"/>
      <c r="O20" s="40"/>
      <c r="P20" s="15"/>
      <c r="Q20" s="35"/>
      <c r="R20" s="36"/>
      <c r="S20" s="37"/>
      <c r="T20" s="15"/>
      <c r="U20" s="14" t="str">
        <f t="shared" si="0"/>
        <v/>
      </c>
      <c r="V20" s="41"/>
      <c r="W20" s="42"/>
      <c r="X20" s="42"/>
      <c r="Y20" s="42"/>
      <c r="Z20" s="42"/>
      <c r="AA20" s="43"/>
    </row>
    <row r="21" spans="2:27" ht="24.95" customHeight="1">
      <c r="B21" s="15">
        <v>5</v>
      </c>
      <c r="C21" s="35"/>
      <c r="D21" s="36"/>
      <c r="E21" s="37"/>
      <c r="F21" s="38"/>
      <c r="G21" s="39"/>
      <c r="H21" s="39"/>
      <c r="I21" s="39"/>
      <c r="J21" s="40"/>
      <c r="K21" s="38"/>
      <c r="L21" s="39"/>
      <c r="M21" s="39"/>
      <c r="N21" s="39"/>
      <c r="O21" s="40"/>
      <c r="P21" s="15"/>
      <c r="Q21" s="35"/>
      <c r="R21" s="36"/>
      <c r="S21" s="37"/>
      <c r="T21" s="15"/>
      <c r="U21" s="14" t="str">
        <f t="shared" si="0"/>
        <v/>
      </c>
      <c r="V21" s="41"/>
      <c r="W21" s="42"/>
      <c r="X21" s="42"/>
      <c r="Y21" s="42"/>
      <c r="Z21" s="42"/>
      <c r="AA21" s="43"/>
    </row>
    <row r="22" spans="2:27" ht="24.95" customHeight="1">
      <c r="B22" s="15">
        <v>6</v>
      </c>
      <c r="C22" s="35"/>
      <c r="D22" s="36"/>
      <c r="E22" s="37"/>
      <c r="F22" s="38"/>
      <c r="G22" s="39"/>
      <c r="H22" s="39"/>
      <c r="I22" s="39"/>
      <c r="J22" s="40"/>
      <c r="K22" s="38"/>
      <c r="L22" s="39"/>
      <c r="M22" s="39"/>
      <c r="N22" s="39"/>
      <c r="O22" s="40"/>
      <c r="P22" s="15"/>
      <c r="Q22" s="35"/>
      <c r="R22" s="36"/>
      <c r="S22" s="37"/>
      <c r="T22" s="15"/>
      <c r="U22" s="14" t="str">
        <f t="shared" si="0"/>
        <v/>
      </c>
      <c r="V22" s="41"/>
      <c r="W22" s="42"/>
      <c r="X22" s="42"/>
      <c r="Y22" s="42"/>
      <c r="Z22" s="42"/>
      <c r="AA22" s="43"/>
    </row>
    <row r="23" spans="2:27" ht="24.95" customHeight="1">
      <c r="B23" s="15">
        <v>7</v>
      </c>
      <c r="C23" s="35"/>
      <c r="D23" s="36"/>
      <c r="E23" s="37"/>
      <c r="F23" s="38"/>
      <c r="G23" s="39"/>
      <c r="H23" s="39"/>
      <c r="I23" s="39"/>
      <c r="J23" s="40"/>
      <c r="K23" s="38"/>
      <c r="L23" s="39"/>
      <c r="M23" s="39"/>
      <c r="N23" s="39"/>
      <c r="O23" s="40"/>
      <c r="P23" s="15"/>
      <c r="Q23" s="35"/>
      <c r="R23" s="36"/>
      <c r="S23" s="37"/>
      <c r="T23" s="15"/>
      <c r="U23" s="14" t="str">
        <f t="shared" si="0"/>
        <v/>
      </c>
      <c r="V23" s="41"/>
      <c r="W23" s="42"/>
      <c r="X23" s="42"/>
      <c r="Y23" s="42"/>
      <c r="Z23" s="42"/>
      <c r="AA23" s="43"/>
    </row>
    <row r="24" spans="2:27" ht="24.95" customHeight="1">
      <c r="B24" s="15">
        <v>8</v>
      </c>
      <c r="C24" s="35"/>
      <c r="D24" s="36"/>
      <c r="E24" s="37"/>
      <c r="F24" s="38"/>
      <c r="G24" s="39"/>
      <c r="H24" s="39"/>
      <c r="I24" s="39"/>
      <c r="J24" s="40"/>
      <c r="K24" s="38"/>
      <c r="L24" s="39"/>
      <c r="M24" s="39"/>
      <c r="N24" s="39"/>
      <c r="O24" s="40"/>
      <c r="P24" s="15"/>
      <c r="Q24" s="35"/>
      <c r="R24" s="36"/>
      <c r="S24" s="37"/>
      <c r="T24" s="15"/>
      <c r="U24" s="14" t="str">
        <f t="shared" si="0"/>
        <v/>
      </c>
      <c r="V24" s="41"/>
      <c r="W24" s="42"/>
      <c r="X24" s="42"/>
      <c r="Y24" s="42"/>
      <c r="Z24" s="42"/>
      <c r="AA24" s="43"/>
    </row>
    <row r="25" spans="2:27" ht="24.95" customHeight="1">
      <c r="B25" s="15">
        <v>9</v>
      </c>
      <c r="C25" s="35"/>
      <c r="D25" s="36"/>
      <c r="E25" s="37"/>
      <c r="F25" s="38"/>
      <c r="G25" s="39"/>
      <c r="H25" s="39"/>
      <c r="I25" s="39"/>
      <c r="J25" s="40"/>
      <c r="K25" s="38"/>
      <c r="L25" s="39"/>
      <c r="M25" s="39"/>
      <c r="N25" s="39"/>
      <c r="O25" s="40"/>
      <c r="P25" s="15"/>
      <c r="Q25" s="35"/>
      <c r="R25" s="36"/>
      <c r="S25" s="37"/>
      <c r="T25" s="15"/>
      <c r="U25" s="14" t="str">
        <f t="shared" si="0"/>
        <v/>
      </c>
      <c r="V25" s="41"/>
      <c r="W25" s="42"/>
      <c r="X25" s="42"/>
      <c r="Y25" s="42"/>
      <c r="Z25" s="42"/>
      <c r="AA25" s="43"/>
    </row>
    <row r="26" spans="2:27" ht="24.95" customHeight="1">
      <c r="B26" s="15">
        <v>10</v>
      </c>
      <c r="C26" s="35"/>
      <c r="D26" s="36"/>
      <c r="E26" s="37"/>
      <c r="F26" s="38"/>
      <c r="G26" s="39"/>
      <c r="H26" s="39"/>
      <c r="I26" s="39"/>
      <c r="J26" s="40"/>
      <c r="K26" s="38"/>
      <c r="L26" s="39"/>
      <c r="M26" s="39"/>
      <c r="N26" s="39"/>
      <c r="O26" s="40"/>
      <c r="P26" s="15"/>
      <c r="Q26" s="35"/>
      <c r="R26" s="36"/>
      <c r="S26" s="37"/>
      <c r="T26" s="15"/>
      <c r="U26" s="14" t="str">
        <f t="shared" si="0"/>
        <v/>
      </c>
      <c r="V26" s="41"/>
      <c r="W26" s="42"/>
      <c r="X26" s="42"/>
      <c r="Y26" s="42"/>
      <c r="Z26" s="42"/>
      <c r="AA26" s="43"/>
    </row>
    <row r="27" spans="2:27" ht="24.95" customHeight="1">
      <c r="B27" s="15">
        <v>11</v>
      </c>
      <c r="C27" s="35"/>
      <c r="D27" s="36"/>
      <c r="E27" s="37"/>
      <c r="F27" s="38"/>
      <c r="G27" s="39"/>
      <c r="H27" s="39"/>
      <c r="I27" s="39"/>
      <c r="J27" s="40"/>
      <c r="K27" s="38"/>
      <c r="L27" s="39"/>
      <c r="M27" s="39"/>
      <c r="N27" s="39"/>
      <c r="O27" s="40"/>
      <c r="P27" s="15"/>
      <c r="Q27" s="35"/>
      <c r="R27" s="36"/>
      <c r="S27" s="37"/>
      <c r="T27" s="15"/>
      <c r="U27" s="14" t="str">
        <f t="shared" si="0"/>
        <v/>
      </c>
      <c r="V27" s="41"/>
      <c r="W27" s="42"/>
      <c r="X27" s="42"/>
      <c r="Y27" s="42"/>
      <c r="Z27" s="42"/>
      <c r="AA27" s="43"/>
    </row>
    <row r="28" spans="2:27" ht="24.95" customHeight="1">
      <c r="B28" s="15">
        <v>12</v>
      </c>
      <c r="C28" s="35"/>
      <c r="D28" s="36"/>
      <c r="E28" s="37"/>
      <c r="F28" s="38"/>
      <c r="G28" s="39"/>
      <c r="H28" s="39"/>
      <c r="I28" s="39"/>
      <c r="J28" s="40"/>
      <c r="K28" s="38"/>
      <c r="L28" s="39"/>
      <c r="M28" s="39"/>
      <c r="N28" s="39"/>
      <c r="O28" s="40"/>
      <c r="P28" s="15"/>
      <c r="Q28" s="35"/>
      <c r="R28" s="36"/>
      <c r="S28" s="37"/>
      <c r="T28" s="15"/>
      <c r="U28" s="14" t="str">
        <f t="shared" si="0"/>
        <v/>
      </c>
      <c r="V28" s="41"/>
      <c r="W28" s="42"/>
      <c r="X28" s="42"/>
      <c r="Y28" s="42"/>
      <c r="Z28" s="42"/>
      <c r="AA28" s="43"/>
    </row>
    <row r="29" spans="2:27" ht="24.95" customHeight="1">
      <c r="B29" s="15">
        <v>13</v>
      </c>
      <c r="C29" s="35"/>
      <c r="D29" s="36"/>
      <c r="E29" s="37"/>
      <c r="F29" s="38"/>
      <c r="G29" s="39"/>
      <c r="H29" s="39"/>
      <c r="I29" s="39"/>
      <c r="J29" s="40"/>
      <c r="K29" s="38"/>
      <c r="L29" s="39"/>
      <c r="M29" s="39"/>
      <c r="N29" s="39"/>
      <c r="O29" s="40"/>
      <c r="P29" s="15"/>
      <c r="Q29" s="35"/>
      <c r="R29" s="36"/>
      <c r="S29" s="37"/>
      <c r="T29" s="15"/>
      <c r="U29" s="14" t="str">
        <f t="shared" si="0"/>
        <v/>
      </c>
      <c r="V29" s="41"/>
      <c r="W29" s="42"/>
      <c r="X29" s="42"/>
      <c r="Y29" s="42"/>
      <c r="Z29" s="42"/>
      <c r="AA29" s="43"/>
    </row>
    <row r="30" spans="2:27" ht="24.95" customHeight="1">
      <c r="B30" s="15">
        <v>14</v>
      </c>
      <c r="C30" s="35"/>
      <c r="D30" s="36"/>
      <c r="E30" s="37"/>
      <c r="F30" s="38"/>
      <c r="G30" s="39"/>
      <c r="H30" s="39"/>
      <c r="I30" s="39"/>
      <c r="J30" s="40"/>
      <c r="K30" s="38"/>
      <c r="L30" s="39"/>
      <c r="M30" s="39"/>
      <c r="N30" s="39"/>
      <c r="O30" s="40"/>
      <c r="P30" s="15"/>
      <c r="Q30" s="35"/>
      <c r="R30" s="36"/>
      <c r="S30" s="37"/>
      <c r="T30" s="15"/>
      <c r="U30" s="14" t="str">
        <f t="shared" si="0"/>
        <v/>
      </c>
      <c r="V30" s="41"/>
      <c r="W30" s="42"/>
      <c r="X30" s="42"/>
      <c r="Y30" s="42"/>
      <c r="Z30" s="42"/>
      <c r="AA30" s="43"/>
    </row>
    <row r="31" spans="2:27" ht="24.95" customHeight="1">
      <c r="B31" s="15">
        <v>15</v>
      </c>
      <c r="C31" s="35"/>
      <c r="D31" s="36"/>
      <c r="E31" s="37"/>
      <c r="F31" s="38"/>
      <c r="G31" s="39"/>
      <c r="H31" s="39"/>
      <c r="I31" s="39"/>
      <c r="J31" s="40"/>
      <c r="K31" s="38"/>
      <c r="L31" s="39"/>
      <c r="M31" s="39"/>
      <c r="N31" s="39"/>
      <c r="O31" s="40"/>
      <c r="P31" s="15"/>
      <c r="Q31" s="35"/>
      <c r="R31" s="36"/>
      <c r="S31" s="37"/>
      <c r="T31" s="15"/>
      <c r="U31" s="14" t="str">
        <f t="shared" si="0"/>
        <v/>
      </c>
      <c r="V31" s="41"/>
      <c r="W31" s="42"/>
      <c r="X31" s="42"/>
      <c r="Y31" s="42"/>
      <c r="Z31" s="42"/>
      <c r="AA31" s="43"/>
    </row>
    <row r="32" spans="2:27" ht="24.95" customHeight="1">
      <c r="B32" s="15">
        <v>16</v>
      </c>
      <c r="C32" s="35"/>
      <c r="D32" s="36"/>
      <c r="E32" s="37"/>
      <c r="F32" s="38"/>
      <c r="G32" s="39"/>
      <c r="H32" s="39"/>
      <c r="I32" s="39"/>
      <c r="J32" s="40"/>
      <c r="K32" s="38"/>
      <c r="L32" s="39"/>
      <c r="M32" s="39"/>
      <c r="N32" s="39"/>
      <c r="O32" s="40"/>
      <c r="P32" s="15"/>
      <c r="Q32" s="35"/>
      <c r="R32" s="36"/>
      <c r="S32" s="37"/>
      <c r="T32" s="15"/>
      <c r="U32" s="14" t="str">
        <f t="shared" si="0"/>
        <v/>
      </c>
      <c r="V32" s="41"/>
      <c r="W32" s="42"/>
      <c r="X32" s="42"/>
      <c r="Y32" s="42"/>
      <c r="Z32" s="42"/>
      <c r="AA32" s="43"/>
    </row>
    <row r="33" spans="2:27" ht="24.95" customHeight="1">
      <c r="B33" s="15">
        <v>17</v>
      </c>
      <c r="C33" s="35"/>
      <c r="D33" s="36"/>
      <c r="E33" s="37"/>
      <c r="F33" s="38"/>
      <c r="G33" s="39"/>
      <c r="H33" s="39"/>
      <c r="I33" s="39"/>
      <c r="J33" s="40"/>
      <c r="K33" s="38"/>
      <c r="L33" s="39"/>
      <c r="M33" s="39"/>
      <c r="N33" s="39"/>
      <c r="O33" s="40"/>
      <c r="P33" s="15"/>
      <c r="Q33" s="35"/>
      <c r="R33" s="36"/>
      <c r="S33" s="37"/>
      <c r="T33" s="15"/>
      <c r="U33" s="14" t="str">
        <f t="shared" si="0"/>
        <v/>
      </c>
      <c r="V33" s="41"/>
      <c r="W33" s="42"/>
      <c r="X33" s="42"/>
      <c r="Y33" s="42"/>
      <c r="Z33" s="42"/>
      <c r="AA33" s="43"/>
    </row>
    <row r="34" spans="2:27" ht="24.95" customHeight="1">
      <c r="B34" s="15">
        <v>18</v>
      </c>
      <c r="C34" s="35"/>
      <c r="D34" s="36"/>
      <c r="E34" s="37"/>
      <c r="F34" s="38"/>
      <c r="G34" s="39"/>
      <c r="H34" s="39"/>
      <c r="I34" s="39"/>
      <c r="J34" s="40"/>
      <c r="K34" s="38"/>
      <c r="L34" s="39"/>
      <c r="M34" s="39"/>
      <c r="N34" s="39"/>
      <c r="O34" s="40"/>
      <c r="P34" s="15"/>
      <c r="Q34" s="35"/>
      <c r="R34" s="36"/>
      <c r="S34" s="37"/>
      <c r="T34" s="15"/>
      <c r="U34" s="14" t="str">
        <f t="shared" si="0"/>
        <v/>
      </c>
      <c r="V34" s="41"/>
      <c r="W34" s="42"/>
      <c r="X34" s="42"/>
      <c r="Y34" s="42"/>
      <c r="Z34" s="42"/>
      <c r="AA34" s="43"/>
    </row>
    <row r="35" spans="2:27" ht="24.95" customHeight="1">
      <c r="B35" s="15">
        <v>19</v>
      </c>
      <c r="C35" s="35"/>
      <c r="D35" s="36"/>
      <c r="E35" s="37"/>
      <c r="F35" s="38"/>
      <c r="G35" s="39"/>
      <c r="H35" s="39"/>
      <c r="I35" s="39"/>
      <c r="J35" s="40"/>
      <c r="K35" s="38"/>
      <c r="L35" s="39"/>
      <c r="M35" s="39"/>
      <c r="N35" s="39"/>
      <c r="O35" s="40"/>
      <c r="P35" s="15"/>
      <c r="Q35" s="35"/>
      <c r="R35" s="36"/>
      <c r="S35" s="37"/>
      <c r="T35" s="15"/>
      <c r="U35" s="14" t="str">
        <f t="shared" si="0"/>
        <v/>
      </c>
      <c r="V35" s="41"/>
      <c r="W35" s="42"/>
      <c r="X35" s="42"/>
      <c r="Y35" s="42"/>
      <c r="Z35" s="42"/>
      <c r="AA35" s="43"/>
    </row>
    <row r="36" spans="2:27" ht="24.95" customHeight="1">
      <c r="B36" s="15">
        <v>20</v>
      </c>
      <c r="C36" s="35"/>
      <c r="D36" s="36"/>
      <c r="E36" s="37"/>
      <c r="F36" s="38"/>
      <c r="G36" s="39"/>
      <c r="H36" s="39"/>
      <c r="I36" s="39"/>
      <c r="J36" s="40"/>
      <c r="K36" s="38"/>
      <c r="L36" s="39"/>
      <c r="M36" s="39"/>
      <c r="N36" s="39"/>
      <c r="O36" s="40"/>
      <c r="P36" s="15"/>
      <c r="Q36" s="35"/>
      <c r="R36" s="36"/>
      <c r="S36" s="37"/>
      <c r="T36" s="15"/>
      <c r="U36" s="14" t="str">
        <f t="shared" si="0"/>
        <v/>
      </c>
      <c r="V36" s="41"/>
      <c r="W36" s="42"/>
      <c r="X36" s="42"/>
      <c r="Y36" s="42"/>
      <c r="Z36" s="42"/>
      <c r="AA36" s="43"/>
    </row>
    <row r="37" spans="2:27" ht="24.95" customHeight="1">
      <c r="B37" s="15">
        <v>21</v>
      </c>
      <c r="C37" s="35"/>
      <c r="D37" s="36"/>
      <c r="E37" s="37"/>
      <c r="F37" s="38"/>
      <c r="G37" s="39"/>
      <c r="H37" s="39"/>
      <c r="I37" s="39"/>
      <c r="J37" s="40"/>
      <c r="K37" s="38"/>
      <c r="L37" s="39"/>
      <c r="M37" s="39"/>
      <c r="N37" s="39"/>
      <c r="O37" s="40"/>
      <c r="P37" s="15"/>
      <c r="Q37" s="35"/>
      <c r="R37" s="36"/>
      <c r="S37" s="37"/>
      <c r="T37" s="15"/>
      <c r="U37" s="14" t="str">
        <f t="shared" si="0"/>
        <v/>
      </c>
      <c r="V37" s="41"/>
      <c r="W37" s="42"/>
      <c r="X37" s="42"/>
      <c r="Y37" s="42"/>
      <c r="Z37" s="42"/>
      <c r="AA37" s="43"/>
    </row>
    <row r="38" spans="2:27" ht="24.95" customHeight="1">
      <c r="B38" s="15">
        <v>22</v>
      </c>
      <c r="C38" s="35"/>
      <c r="D38" s="36"/>
      <c r="E38" s="37"/>
      <c r="F38" s="38"/>
      <c r="G38" s="39"/>
      <c r="H38" s="39"/>
      <c r="I38" s="39"/>
      <c r="J38" s="40"/>
      <c r="K38" s="38"/>
      <c r="L38" s="39"/>
      <c r="M38" s="39"/>
      <c r="N38" s="39"/>
      <c r="O38" s="40"/>
      <c r="P38" s="15"/>
      <c r="Q38" s="35"/>
      <c r="R38" s="36"/>
      <c r="S38" s="37"/>
      <c r="T38" s="15"/>
      <c r="U38" s="14" t="str">
        <f t="shared" si="0"/>
        <v/>
      </c>
      <c r="V38" s="41"/>
      <c r="W38" s="42"/>
      <c r="X38" s="42"/>
      <c r="Y38" s="42"/>
      <c r="Z38" s="42"/>
      <c r="AA38" s="43"/>
    </row>
    <row r="39" spans="2:27" ht="24.95" customHeight="1">
      <c r="B39" s="15">
        <v>23</v>
      </c>
      <c r="C39" s="35"/>
      <c r="D39" s="36"/>
      <c r="E39" s="37"/>
      <c r="F39" s="38"/>
      <c r="G39" s="39"/>
      <c r="H39" s="39"/>
      <c r="I39" s="39"/>
      <c r="J39" s="40"/>
      <c r="K39" s="38"/>
      <c r="L39" s="39"/>
      <c r="M39" s="39"/>
      <c r="N39" s="39"/>
      <c r="O39" s="40"/>
      <c r="P39" s="15"/>
      <c r="Q39" s="35"/>
      <c r="R39" s="36"/>
      <c r="S39" s="37"/>
      <c r="T39" s="15"/>
      <c r="U39" s="14" t="str">
        <f t="shared" si="0"/>
        <v/>
      </c>
      <c r="V39" s="41"/>
      <c r="W39" s="42"/>
      <c r="X39" s="42"/>
      <c r="Y39" s="42"/>
      <c r="Z39" s="42"/>
      <c r="AA39" s="43"/>
    </row>
    <row r="40" spans="2:27" ht="24.95" customHeight="1">
      <c r="B40" s="15">
        <v>24</v>
      </c>
      <c r="C40" s="35"/>
      <c r="D40" s="36"/>
      <c r="E40" s="37"/>
      <c r="F40" s="38"/>
      <c r="G40" s="39"/>
      <c r="H40" s="39"/>
      <c r="I40" s="39"/>
      <c r="J40" s="40"/>
      <c r="K40" s="38"/>
      <c r="L40" s="39"/>
      <c r="M40" s="39"/>
      <c r="N40" s="39"/>
      <c r="O40" s="40"/>
      <c r="P40" s="15"/>
      <c r="Q40" s="35"/>
      <c r="R40" s="36"/>
      <c r="S40" s="37"/>
      <c r="T40" s="15"/>
      <c r="U40" s="14" t="str">
        <f t="shared" si="0"/>
        <v/>
      </c>
      <c r="V40" s="41"/>
      <c r="W40" s="42"/>
      <c r="X40" s="42"/>
      <c r="Y40" s="42"/>
      <c r="Z40" s="42"/>
      <c r="AA40" s="43"/>
    </row>
    <row r="41" spans="2:27" ht="24.95" customHeight="1">
      <c r="B41" s="15">
        <v>25</v>
      </c>
      <c r="C41" s="35"/>
      <c r="D41" s="36"/>
      <c r="E41" s="37"/>
      <c r="F41" s="38"/>
      <c r="G41" s="39"/>
      <c r="H41" s="39"/>
      <c r="I41" s="39"/>
      <c r="J41" s="40"/>
      <c r="K41" s="38"/>
      <c r="L41" s="39"/>
      <c r="M41" s="39"/>
      <c r="N41" s="39"/>
      <c r="O41" s="40"/>
      <c r="P41" s="15"/>
      <c r="Q41" s="35"/>
      <c r="R41" s="36"/>
      <c r="S41" s="37"/>
      <c r="T41" s="15"/>
      <c r="U41" s="14" t="str">
        <f t="shared" si="0"/>
        <v/>
      </c>
      <c r="V41" s="41"/>
      <c r="W41" s="42"/>
      <c r="X41" s="42"/>
      <c r="Y41" s="42"/>
      <c r="Z41" s="42"/>
      <c r="AA41" s="43"/>
    </row>
    <row r="42" spans="2:27" ht="24.95" customHeight="1">
      <c r="B42" s="15">
        <v>26</v>
      </c>
      <c r="C42" s="35"/>
      <c r="D42" s="36"/>
      <c r="E42" s="37"/>
      <c r="F42" s="38"/>
      <c r="G42" s="39"/>
      <c r="H42" s="39"/>
      <c r="I42" s="39"/>
      <c r="J42" s="40"/>
      <c r="K42" s="38"/>
      <c r="L42" s="39"/>
      <c r="M42" s="39"/>
      <c r="N42" s="39"/>
      <c r="O42" s="40"/>
      <c r="P42" s="15"/>
      <c r="Q42" s="35"/>
      <c r="R42" s="36"/>
      <c r="S42" s="37"/>
      <c r="T42" s="15"/>
      <c r="U42" s="14" t="str">
        <f t="shared" si="0"/>
        <v/>
      </c>
      <c r="V42" s="41"/>
      <c r="W42" s="42"/>
      <c r="X42" s="42"/>
      <c r="Y42" s="42"/>
      <c r="Z42" s="42"/>
      <c r="AA42" s="43"/>
    </row>
    <row r="43" spans="2:27" ht="24.95" customHeight="1">
      <c r="B43" s="15">
        <v>27</v>
      </c>
      <c r="C43" s="35"/>
      <c r="D43" s="36"/>
      <c r="E43" s="37"/>
      <c r="F43" s="38"/>
      <c r="G43" s="39"/>
      <c r="H43" s="39"/>
      <c r="I43" s="39"/>
      <c r="J43" s="40"/>
      <c r="K43" s="38"/>
      <c r="L43" s="39"/>
      <c r="M43" s="39"/>
      <c r="N43" s="39"/>
      <c r="O43" s="40"/>
      <c r="P43" s="15"/>
      <c r="Q43" s="35"/>
      <c r="R43" s="36"/>
      <c r="S43" s="37"/>
      <c r="T43" s="15"/>
      <c r="U43" s="14" t="str">
        <f t="shared" si="0"/>
        <v/>
      </c>
      <c r="V43" s="41"/>
      <c r="W43" s="42"/>
      <c r="X43" s="42"/>
      <c r="Y43" s="42"/>
      <c r="Z43" s="42"/>
      <c r="AA43" s="43"/>
    </row>
    <row r="44" spans="2:27" ht="24.95" customHeight="1">
      <c r="B44" s="15">
        <v>28</v>
      </c>
      <c r="C44" s="35"/>
      <c r="D44" s="36"/>
      <c r="E44" s="37"/>
      <c r="F44" s="38"/>
      <c r="G44" s="39"/>
      <c r="H44" s="39"/>
      <c r="I44" s="39"/>
      <c r="J44" s="40"/>
      <c r="K44" s="38"/>
      <c r="L44" s="39"/>
      <c r="M44" s="39"/>
      <c r="N44" s="39"/>
      <c r="O44" s="40"/>
      <c r="P44" s="15"/>
      <c r="Q44" s="35"/>
      <c r="R44" s="36"/>
      <c r="S44" s="37"/>
      <c r="T44" s="15"/>
      <c r="U44" s="14" t="str">
        <f t="shared" si="0"/>
        <v/>
      </c>
      <c r="V44" s="41"/>
      <c r="W44" s="42"/>
      <c r="X44" s="42"/>
      <c r="Y44" s="42"/>
      <c r="Z44" s="42"/>
      <c r="AA44" s="43"/>
    </row>
    <row r="45" spans="2:27" ht="24.95" customHeight="1">
      <c r="B45" s="15">
        <v>29</v>
      </c>
      <c r="C45" s="35"/>
      <c r="D45" s="36"/>
      <c r="E45" s="37"/>
      <c r="F45" s="38"/>
      <c r="G45" s="39"/>
      <c r="H45" s="39"/>
      <c r="I45" s="39"/>
      <c r="J45" s="40"/>
      <c r="K45" s="38"/>
      <c r="L45" s="39"/>
      <c r="M45" s="39"/>
      <c r="N45" s="39"/>
      <c r="O45" s="40"/>
      <c r="P45" s="15"/>
      <c r="Q45" s="35"/>
      <c r="R45" s="36"/>
      <c r="S45" s="37"/>
      <c r="T45" s="15"/>
      <c r="U45" s="14" t="str">
        <f t="shared" si="0"/>
        <v/>
      </c>
      <c r="V45" s="41"/>
      <c r="W45" s="42"/>
      <c r="X45" s="42"/>
      <c r="Y45" s="42"/>
      <c r="Z45" s="42"/>
      <c r="AA45" s="43"/>
    </row>
    <row r="46" spans="2:27" ht="24.95" customHeight="1">
      <c r="B46" s="15">
        <v>30</v>
      </c>
      <c r="C46" s="35"/>
      <c r="D46" s="36"/>
      <c r="E46" s="37"/>
      <c r="F46" s="38"/>
      <c r="G46" s="39"/>
      <c r="H46" s="39"/>
      <c r="I46" s="39"/>
      <c r="J46" s="40"/>
      <c r="K46" s="38"/>
      <c r="L46" s="39"/>
      <c r="M46" s="39"/>
      <c r="N46" s="39"/>
      <c r="O46" s="40"/>
      <c r="P46" s="15"/>
      <c r="Q46" s="35"/>
      <c r="R46" s="36"/>
      <c r="S46" s="37"/>
      <c r="T46" s="15"/>
      <c r="U46" s="14" t="str">
        <f t="shared" si="0"/>
        <v/>
      </c>
      <c r="V46" s="41"/>
      <c r="W46" s="42"/>
      <c r="X46" s="42"/>
      <c r="Y46" s="42"/>
      <c r="Z46" s="42"/>
      <c r="AA46" s="43"/>
    </row>
    <row r="47" spans="2:27" ht="24.95" customHeight="1">
      <c r="B47" s="15">
        <v>31</v>
      </c>
      <c r="C47" s="35"/>
      <c r="D47" s="36"/>
      <c r="E47" s="37"/>
      <c r="F47" s="38"/>
      <c r="G47" s="39"/>
      <c r="H47" s="39"/>
      <c r="I47" s="39"/>
      <c r="J47" s="40"/>
      <c r="K47" s="38"/>
      <c r="L47" s="39"/>
      <c r="M47" s="39"/>
      <c r="N47" s="39"/>
      <c r="O47" s="40"/>
      <c r="P47" s="15"/>
      <c r="Q47" s="35"/>
      <c r="R47" s="36"/>
      <c r="S47" s="37"/>
      <c r="T47" s="15"/>
      <c r="U47" s="14" t="str">
        <f t="shared" si="0"/>
        <v/>
      </c>
      <c r="V47" s="41"/>
      <c r="W47" s="42"/>
      <c r="X47" s="42"/>
      <c r="Y47" s="42"/>
      <c r="Z47" s="42"/>
      <c r="AA47" s="43"/>
    </row>
    <row r="48" spans="2:27" ht="24.95" customHeight="1">
      <c r="B48" s="15">
        <v>32</v>
      </c>
      <c r="C48" s="35"/>
      <c r="D48" s="36"/>
      <c r="E48" s="37"/>
      <c r="F48" s="38"/>
      <c r="G48" s="39"/>
      <c r="H48" s="39"/>
      <c r="I48" s="39"/>
      <c r="J48" s="40"/>
      <c r="K48" s="38"/>
      <c r="L48" s="39"/>
      <c r="M48" s="39"/>
      <c r="N48" s="39"/>
      <c r="O48" s="40"/>
      <c r="P48" s="15"/>
      <c r="Q48" s="35"/>
      <c r="R48" s="36"/>
      <c r="S48" s="37"/>
      <c r="T48" s="15"/>
      <c r="U48" s="14" t="str">
        <f t="shared" si="0"/>
        <v/>
      </c>
      <c r="V48" s="41"/>
      <c r="W48" s="42"/>
      <c r="X48" s="42"/>
      <c r="Y48" s="42"/>
      <c r="Z48" s="42"/>
      <c r="AA48" s="43"/>
    </row>
    <row r="49" spans="2:27" ht="24.95" customHeight="1">
      <c r="B49" s="15">
        <v>33</v>
      </c>
      <c r="C49" s="35"/>
      <c r="D49" s="36"/>
      <c r="E49" s="37"/>
      <c r="F49" s="38"/>
      <c r="G49" s="39"/>
      <c r="H49" s="39"/>
      <c r="I49" s="39"/>
      <c r="J49" s="40"/>
      <c r="K49" s="38"/>
      <c r="L49" s="39"/>
      <c r="M49" s="39"/>
      <c r="N49" s="39"/>
      <c r="O49" s="40"/>
      <c r="P49" s="15"/>
      <c r="Q49" s="35"/>
      <c r="R49" s="36"/>
      <c r="S49" s="37"/>
      <c r="T49" s="15"/>
      <c r="U49" s="14" t="str">
        <f t="shared" si="0"/>
        <v/>
      </c>
      <c r="V49" s="41"/>
      <c r="W49" s="42"/>
      <c r="X49" s="42"/>
      <c r="Y49" s="42"/>
      <c r="Z49" s="42"/>
      <c r="AA49" s="43"/>
    </row>
    <row r="50" spans="2:27" ht="24.95" customHeight="1">
      <c r="B50" s="15">
        <v>34</v>
      </c>
      <c r="C50" s="35"/>
      <c r="D50" s="36"/>
      <c r="E50" s="37"/>
      <c r="F50" s="38"/>
      <c r="G50" s="39"/>
      <c r="H50" s="39"/>
      <c r="I50" s="39"/>
      <c r="J50" s="40"/>
      <c r="K50" s="38"/>
      <c r="L50" s="39"/>
      <c r="M50" s="39"/>
      <c r="N50" s="39"/>
      <c r="O50" s="40"/>
      <c r="P50" s="15"/>
      <c r="Q50" s="35"/>
      <c r="R50" s="36"/>
      <c r="S50" s="37"/>
      <c r="T50" s="15"/>
      <c r="U50" s="14" t="str">
        <f t="shared" si="0"/>
        <v/>
      </c>
      <c r="V50" s="41"/>
      <c r="W50" s="42"/>
      <c r="X50" s="42"/>
      <c r="Y50" s="42"/>
      <c r="Z50" s="42"/>
      <c r="AA50" s="43"/>
    </row>
    <row r="51" spans="2:27" ht="24.95" customHeight="1">
      <c r="B51" s="15">
        <v>35</v>
      </c>
      <c r="C51" s="35"/>
      <c r="D51" s="36"/>
      <c r="E51" s="37"/>
      <c r="F51" s="38"/>
      <c r="G51" s="39"/>
      <c r="H51" s="39"/>
      <c r="I51" s="39"/>
      <c r="J51" s="40"/>
      <c r="K51" s="38"/>
      <c r="L51" s="39"/>
      <c r="M51" s="39"/>
      <c r="N51" s="39"/>
      <c r="O51" s="40"/>
      <c r="P51" s="15"/>
      <c r="Q51" s="35"/>
      <c r="R51" s="36"/>
      <c r="S51" s="37"/>
      <c r="T51" s="15"/>
      <c r="U51" s="14" t="str">
        <f t="shared" si="0"/>
        <v/>
      </c>
      <c r="V51" s="41"/>
      <c r="W51" s="42"/>
      <c r="X51" s="42"/>
      <c r="Y51" s="42"/>
      <c r="Z51" s="42"/>
      <c r="AA51" s="43"/>
    </row>
    <row r="52" spans="2:27" ht="24.95" customHeight="1">
      <c r="B52" s="15">
        <v>36</v>
      </c>
      <c r="C52" s="35"/>
      <c r="D52" s="36"/>
      <c r="E52" s="37"/>
      <c r="F52" s="38"/>
      <c r="G52" s="39"/>
      <c r="H52" s="39"/>
      <c r="I52" s="39"/>
      <c r="J52" s="40"/>
      <c r="K52" s="38"/>
      <c r="L52" s="39"/>
      <c r="M52" s="39"/>
      <c r="N52" s="39"/>
      <c r="O52" s="40"/>
      <c r="P52" s="15"/>
      <c r="Q52" s="35"/>
      <c r="R52" s="36"/>
      <c r="S52" s="37"/>
      <c r="T52" s="15"/>
      <c r="U52" s="14" t="str">
        <f t="shared" si="0"/>
        <v/>
      </c>
      <c r="V52" s="41"/>
      <c r="W52" s="42"/>
      <c r="X52" s="42"/>
      <c r="Y52" s="42"/>
      <c r="Z52" s="42"/>
      <c r="AA52" s="43"/>
    </row>
    <row r="53" spans="2:27" ht="24.95" customHeight="1">
      <c r="B53" s="15">
        <v>37</v>
      </c>
      <c r="C53" s="35"/>
      <c r="D53" s="36"/>
      <c r="E53" s="37"/>
      <c r="F53" s="38"/>
      <c r="G53" s="39"/>
      <c r="H53" s="39"/>
      <c r="I53" s="39"/>
      <c r="J53" s="40"/>
      <c r="K53" s="38"/>
      <c r="L53" s="39"/>
      <c r="M53" s="39"/>
      <c r="N53" s="39"/>
      <c r="O53" s="40"/>
      <c r="P53" s="15"/>
      <c r="Q53" s="35"/>
      <c r="R53" s="36"/>
      <c r="S53" s="37"/>
      <c r="T53" s="15"/>
      <c r="U53" s="14" t="str">
        <f t="shared" si="0"/>
        <v/>
      </c>
      <c r="V53" s="41"/>
      <c r="W53" s="42"/>
      <c r="X53" s="42"/>
      <c r="Y53" s="42"/>
      <c r="Z53" s="42"/>
      <c r="AA53" s="43"/>
    </row>
    <row r="54" spans="2:27" ht="24.95" customHeight="1">
      <c r="B54" s="15">
        <v>38</v>
      </c>
      <c r="C54" s="35"/>
      <c r="D54" s="36"/>
      <c r="E54" s="37"/>
      <c r="F54" s="38"/>
      <c r="G54" s="39"/>
      <c r="H54" s="39"/>
      <c r="I54" s="39"/>
      <c r="J54" s="40"/>
      <c r="K54" s="38"/>
      <c r="L54" s="39"/>
      <c r="M54" s="39"/>
      <c r="N54" s="39"/>
      <c r="O54" s="40"/>
      <c r="P54" s="15"/>
      <c r="Q54" s="35"/>
      <c r="R54" s="36"/>
      <c r="S54" s="37"/>
      <c r="T54" s="15"/>
      <c r="U54" s="14" t="str">
        <f t="shared" si="0"/>
        <v/>
      </c>
      <c r="V54" s="41"/>
      <c r="W54" s="42"/>
      <c r="X54" s="42"/>
      <c r="Y54" s="42"/>
      <c r="Z54" s="42"/>
      <c r="AA54" s="43"/>
    </row>
    <row r="55" spans="2:27" ht="24.95" customHeight="1">
      <c r="B55" s="15">
        <v>39</v>
      </c>
      <c r="C55" s="35"/>
      <c r="D55" s="36"/>
      <c r="E55" s="37"/>
      <c r="F55" s="38"/>
      <c r="G55" s="39"/>
      <c r="H55" s="39"/>
      <c r="I55" s="39"/>
      <c r="J55" s="40"/>
      <c r="K55" s="38"/>
      <c r="L55" s="39"/>
      <c r="M55" s="39"/>
      <c r="N55" s="39"/>
      <c r="O55" s="40"/>
      <c r="P55" s="15"/>
      <c r="Q55" s="35"/>
      <c r="R55" s="36"/>
      <c r="S55" s="37"/>
      <c r="T55" s="15"/>
      <c r="U55" s="14" t="str">
        <f t="shared" si="0"/>
        <v/>
      </c>
      <c r="V55" s="41"/>
      <c r="W55" s="42"/>
      <c r="X55" s="42"/>
      <c r="Y55" s="42"/>
      <c r="Z55" s="42"/>
      <c r="AA55" s="43"/>
    </row>
    <row r="56" spans="2:27" ht="24.95" customHeight="1">
      <c r="B56" s="15">
        <v>40</v>
      </c>
      <c r="C56" s="35"/>
      <c r="D56" s="36"/>
      <c r="E56" s="37"/>
      <c r="F56" s="38"/>
      <c r="G56" s="39"/>
      <c r="H56" s="39"/>
      <c r="I56" s="39"/>
      <c r="J56" s="40"/>
      <c r="K56" s="38"/>
      <c r="L56" s="39"/>
      <c r="M56" s="39"/>
      <c r="N56" s="39"/>
      <c r="O56" s="40"/>
      <c r="P56" s="15"/>
      <c r="Q56" s="35"/>
      <c r="R56" s="36"/>
      <c r="S56" s="37"/>
      <c r="T56" s="15"/>
      <c r="U56" s="14" t="str">
        <f t="shared" si="0"/>
        <v/>
      </c>
      <c r="V56" s="41"/>
      <c r="W56" s="42"/>
      <c r="X56" s="42"/>
      <c r="Y56" s="42"/>
      <c r="Z56" s="42"/>
      <c r="AA56" s="43"/>
    </row>
    <row r="57" spans="2:27" ht="24.95" customHeight="1">
      <c r="B57" s="15">
        <v>41</v>
      </c>
      <c r="C57" s="35"/>
      <c r="D57" s="36"/>
      <c r="E57" s="37"/>
      <c r="F57" s="38"/>
      <c r="G57" s="39"/>
      <c r="H57" s="39"/>
      <c r="I57" s="39"/>
      <c r="J57" s="40"/>
      <c r="K57" s="38"/>
      <c r="L57" s="39"/>
      <c r="M57" s="39"/>
      <c r="N57" s="39"/>
      <c r="O57" s="40"/>
      <c r="P57" s="15"/>
      <c r="Q57" s="35"/>
      <c r="R57" s="36"/>
      <c r="S57" s="37"/>
      <c r="T57" s="15"/>
      <c r="U57" s="14" t="str">
        <f>IF(ISBLANK($T57),"",IF(T57&gt;=100,"合","否"))</f>
        <v/>
      </c>
      <c r="V57" s="41"/>
      <c r="W57" s="42"/>
      <c r="X57" s="42"/>
      <c r="Y57" s="42"/>
      <c r="Z57" s="42"/>
      <c r="AA57" s="43"/>
    </row>
    <row r="58" spans="2:27" ht="24.95" customHeight="1">
      <c r="B58" s="15">
        <v>42</v>
      </c>
      <c r="C58" s="35"/>
      <c r="D58" s="36"/>
      <c r="E58" s="37"/>
      <c r="F58" s="38"/>
      <c r="G58" s="39"/>
      <c r="H58" s="39"/>
      <c r="I58" s="39"/>
      <c r="J58" s="40"/>
      <c r="K58" s="38"/>
      <c r="L58" s="39"/>
      <c r="M58" s="39"/>
      <c r="N58" s="39"/>
      <c r="O58" s="40"/>
      <c r="P58" s="15"/>
      <c r="Q58" s="35"/>
      <c r="R58" s="36"/>
      <c r="S58" s="37"/>
      <c r="T58" s="15"/>
      <c r="U58" s="14" t="str">
        <f t="shared" ref="U58:U96" si="1">IF(ISBLANK($T58),"",IF(T58&gt;=100,"合","否"))</f>
        <v/>
      </c>
      <c r="V58" s="41"/>
      <c r="W58" s="42"/>
      <c r="X58" s="42"/>
      <c r="Y58" s="42"/>
      <c r="Z58" s="42"/>
      <c r="AA58" s="43"/>
    </row>
    <row r="59" spans="2:27" ht="24.95" customHeight="1">
      <c r="B59" s="15">
        <v>43</v>
      </c>
      <c r="C59" s="35"/>
      <c r="D59" s="36"/>
      <c r="E59" s="37"/>
      <c r="F59" s="38"/>
      <c r="G59" s="39"/>
      <c r="H59" s="39"/>
      <c r="I59" s="39"/>
      <c r="J59" s="40"/>
      <c r="K59" s="38"/>
      <c r="L59" s="39"/>
      <c r="M59" s="39"/>
      <c r="N59" s="39"/>
      <c r="O59" s="40"/>
      <c r="P59" s="15"/>
      <c r="Q59" s="35"/>
      <c r="R59" s="36"/>
      <c r="S59" s="37"/>
      <c r="T59" s="15"/>
      <c r="U59" s="14" t="str">
        <f t="shared" si="1"/>
        <v/>
      </c>
      <c r="V59" s="41"/>
      <c r="W59" s="42"/>
      <c r="X59" s="42"/>
      <c r="Y59" s="42"/>
      <c r="Z59" s="42"/>
      <c r="AA59" s="43"/>
    </row>
    <row r="60" spans="2:27" ht="24.95" customHeight="1">
      <c r="B60" s="15">
        <v>44</v>
      </c>
      <c r="C60" s="35"/>
      <c r="D60" s="36"/>
      <c r="E60" s="37"/>
      <c r="F60" s="38"/>
      <c r="G60" s="39"/>
      <c r="H60" s="39"/>
      <c r="I60" s="39"/>
      <c r="J60" s="40"/>
      <c r="K60" s="38"/>
      <c r="L60" s="39"/>
      <c r="M60" s="39"/>
      <c r="N60" s="39"/>
      <c r="O60" s="40"/>
      <c r="P60" s="15"/>
      <c r="Q60" s="35"/>
      <c r="R60" s="36"/>
      <c r="S60" s="37"/>
      <c r="T60" s="15"/>
      <c r="U60" s="14" t="str">
        <f t="shared" si="1"/>
        <v/>
      </c>
      <c r="V60" s="41"/>
      <c r="W60" s="42"/>
      <c r="X60" s="42"/>
      <c r="Y60" s="42"/>
      <c r="Z60" s="42"/>
      <c r="AA60" s="43"/>
    </row>
    <row r="61" spans="2:27" ht="24.95" customHeight="1">
      <c r="B61" s="15">
        <v>45</v>
      </c>
      <c r="C61" s="35"/>
      <c r="D61" s="36"/>
      <c r="E61" s="37"/>
      <c r="F61" s="38"/>
      <c r="G61" s="39"/>
      <c r="H61" s="39"/>
      <c r="I61" s="39"/>
      <c r="J61" s="40"/>
      <c r="K61" s="38"/>
      <c r="L61" s="39"/>
      <c r="M61" s="39"/>
      <c r="N61" s="39"/>
      <c r="O61" s="40"/>
      <c r="P61" s="15"/>
      <c r="Q61" s="35"/>
      <c r="R61" s="36"/>
      <c r="S61" s="37"/>
      <c r="T61" s="15"/>
      <c r="U61" s="14" t="str">
        <f t="shared" si="1"/>
        <v/>
      </c>
      <c r="V61" s="41"/>
      <c r="W61" s="42"/>
      <c r="X61" s="42"/>
      <c r="Y61" s="42"/>
      <c r="Z61" s="42"/>
      <c r="AA61" s="43"/>
    </row>
    <row r="62" spans="2:27" ht="24.95" customHeight="1">
      <c r="B62" s="15">
        <v>46</v>
      </c>
      <c r="C62" s="35"/>
      <c r="D62" s="36"/>
      <c r="E62" s="37"/>
      <c r="F62" s="38"/>
      <c r="G62" s="39"/>
      <c r="H62" s="39"/>
      <c r="I62" s="39"/>
      <c r="J62" s="40"/>
      <c r="K62" s="38"/>
      <c r="L62" s="39"/>
      <c r="M62" s="39"/>
      <c r="N62" s="39"/>
      <c r="O62" s="40"/>
      <c r="P62" s="15"/>
      <c r="Q62" s="35"/>
      <c r="R62" s="36"/>
      <c r="S62" s="37"/>
      <c r="T62" s="15"/>
      <c r="U62" s="14" t="str">
        <f t="shared" si="1"/>
        <v/>
      </c>
      <c r="V62" s="41"/>
      <c r="W62" s="42"/>
      <c r="X62" s="42"/>
      <c r="Y62" s="42"/>
      <c r="Z62" s="42"/>
      <c r="AA62" s="43"/>
    </row>
    <row r="63" spans="2:27" ht="24.95" customHeight="1">
      <c r="B63" s="15">
        <v>47</v>
      </c>
      <c r="C63" s="35"/>
      <c r="D63" s="36"/>
      <c r="E63" s="37"/>
      <c r="F63" s="38"/>
      <c r="G63" s="39"/>
      <c r="H63" s="39"/>
      <c r="I63" s="39"/>
      <c r="J63" s="40"/>
      <c r="K63" s="38"/>
      <c r="L63" s="39"/>
      <c r="M63" s="39"/>
      <c r="N63" s="39"/>
      <c r="O63" s="40"/>
      <c r="P63" s="15"/>
      <c r="Q63" s="35"/>
      <c r="R63" s="36"/>
      <c r="S63" s="37"/>
      <c r="T63" s="15"/>
      <c r="U63" s="14" t="str">
        <f t="shared" si="1"/>
        <v/>
      </c>
      <c r="V63" s="41"/>
      <c r="W63" s="42"/>
      <c r="X63" s="42"/>
      <c r="Y63" s="42"/>
      <c r="Z63" s="42"/>
      <c r="AA63" s="43"/>
    </row>
    <row r="64" spans="2:27" ht="24.95" customHeight="1">
      <c r="B64" s="15">
        <v>48</v>
      </c>
      <c r="C64" s="35"/>
      <c r="D64" s="36"/>
      <c r="E64" s="37"/>
      <c r="F64" s="38"/>
      <c r="G64" s="39"/>
      <c r="H64" s="39"/>
      <c r="I64" s="39"/>
      <c r="J64" s="40"/>
      <c r="K64" s="38"/>
      <c r="L64" s="39"/>
      <c r="M64" s="39"/>
      <c r="N64" s="39"/>
      <c r="O64" s="40"/>
      <c r="P64" s="15"/>
      <c r="Q64" s="35"/>
      <c r="R64" s="36"/>
      <c r="S64" s="37"/>
      <c r="T64" s="15"/>
      <c r="U64" s="14" t="str">
        <f t="shared" si="1"/>
        <v/>
      </c>
      <c r="V64" s="41"/>
      <c r="W64" s="42"/>
      <c r="X64" s="42"/>
      <c r="Y64" s="42"/>
      <c r="Z64" s="42"/>
      <c r="AA64" s="43"/>
    </row>
    <row r="65" spans="2:27" ht="24.95" customHeight="1">
      <c r="B65" s="15">
        <v>49</v>
      </c>
      <c r="C65" s="35"/>
      <c r="D65" s="36"/>
      <c r="E65" s="37"/>
      <c r="F65" s="38"/>
      <c r="G65" s="39"/>
      <c r="H65" s="39"/>
      <c r="I65" s="39"/>
      <c r="J65" s="40"/>
      <c r="K65" s="38"/>
      <c r="L65" s="39"/>
      <c r="M65" s="39"/>
      <c r="N65" s="39"/>
      <c r="O65" s="40"/>
      <c r="P65" s="15"/>
      <c r="Q65" s="35"/>
      <c r="R65" s="36"/>
      <c r="S65" s="37"/>
      <c r="T65" s="15"/>
      <c r="U65" s="14" t="str">
        <f t="shared" si="1"/>
        <v/>
      </c>
      <c r="V65" s="41"/>
      <c r="W65" s="42"/>
      <c r="X65" s="42"/>
      <c r="Y65" s="42"/>
      <c r="Z65" s="42"/>
      <c r="AA65" s="43"/>
    </row>
    <row r="66" spans="2:27" ht="24.95" customHeight="1">
      <c r="B66" s="15">
        <v>50</v>
      </c>
      <c r="C66" s="35"/>
      <c r="D66" s="36"/>
      <c r="E66" s="37"/>
      <c r="F66" s="38"/>
      <c r="G66" s="39"/>
      <c r="H66" s="39"/>
      <c r="I66" s="39"/>
      <c r="J66" s="40"/>
      <c r="K66" s="38"/>
      <c r="L66" s="39"/>
      <c r="M66" s="39"/>
      <c r="N66" s="39"/>
      <c r="O66" s="40"/>
      <c r="P66" s="15"/>
      <c r="Q66" s="35"/>
      <c r="R66" s="36"/>
      <c r="S66" s="37"/>
      <c r="T66" s="15"/>
      <c r="U66" s="14" t="str">
        <f t="shared" si="1"/>
        <v/>
      </c>
      <c r="V66" s="41"/>
      <c r="W66" s="42"/>
      <c r="X66" s="42"/>
      <c r="Y66" s="42"/>
      <c r="Z66" s="42"/>
      <c r="AA66" s="43"/>
    </row>
    <row r="67" spans="2:27" ht="24.95" customHeight="1">
      <c r="B67" s="15">
        <v>51</v>
      </c>
      <c r="C67" s="35"/>
      <c r="D67" s="36"/>
      <c r="E67" s="37"/>
      <c r="F67" s="38"/>
      <c r="G67" s="39"/>
      <c r="H67" s="39"/>
      <c r="I67" s="39"/>
      <c r="J67" s="40"/>
      <c r="K67" s="38"/>
      <c r="L67" s="39"/>
      <c r="M67" s="39"/>
      <c r="N67" s="39"/>
      <c r="O67" s="40"/>
      <c r="P67" s="15"/>
      <c r="Q67" s="35"/>
      <c r="R67" s="36"/>
      <c r="S67" s="37"/>
      <c r="T67" s="15"/>
      <c r="U67" s="14" t="str">
        <f t="shared" si="1"/>
        <v/>
      </c>
      <c r="V67" s="41"/>
      <c r="W67" s="42"/>
      <c r="X67" s="42"/>
      <c r="Y67" s="42"/>
      <c r="Z67" s="42"/>
      <c r="AA67" s="43"/>
    </row>
    <row r="68" spans="2:27" ht="24.95" customHeight="1">
      <c r="B68" s="15">
        <v>52</v>
      </c>
      <c r="C68" s="35"/>
      <c r="D68" s="36"/>
      <c r="E68" s="37"/>
      <c r="F68" s="38"/>
      <c r="G68" s="39"/>
      <c r="H68" s="39"/>
      <c r="I68" s="39"/>
      <c r="J68" s="40"/>
      <c r="K68" s="38"/>
      <c r="L68" s="39"/>
      <c r="M68" s="39"/>
      <c r="N68" s="39"/>
      <c r="O68" s="40"/>
      <c r="P68" s="15"/>
      <c r="Q68" s="35"/>
      <c r="R68" s="36"/>
      <c r="S68" s="37"/>
      <c r="T68" s="15"/>
      <c r="U68" s="14" t="str">
        <f t="shared" si="1"/>
        <v/>
      </c>
      <c r="V68" s="41"/>
      <c r="W68" s="42"/>
      <c r="X68" s="42"/>
      <c r="Y68" s="42"/>
      <c r="Z68" s="42"/>
      <c r="AA68" s="43"/>
    </row>
    <row r="69" spans="2:27" ht="24.95" customHeight="1">
      <c r="B69" s="15">
        <v>53</v>
      </c>
      <c r="C69" s="35"/>
      <c r="D69" s="36"/>
      <c r="E69" s="37"/>
      <c r="F69" s="38"/>
      <c r="G69" s="39"/>
      <c r="H69" s="39"/>
      <c r="I69" s="39"/>
      <c r="J69" s="40"/>
      <c r="K69" s="38"/>
      <c r="L69" s="39"/>
      <c r="M69" s="39"/>
      <c r="N69" s="39"/>
      <c r="O69" s="40"/>
      <c r="P69" s="15"/>
      <c r="Q69" s="35"/>
      <c r="R69" s="36"/>
      <c r="S69" s="37"/>
      <c r="T69" s="15"/>
      <c r="U69" s="14" t="str">
        <f t="shared" si="1"/>
        <v/>
      </c>
      <c r="V69" s="41"/>
      <c r="W69" s="42"/>
      <c r="X69" s="42"/>
      <c r="Y69" s="42"/>
      <c r="Z69" s="42"/>
      <c r="AA69" s="43"/>
    </row>
    <row r="70" spans="2:27" ht="24.95" customHeight="1">
      <c r="B70" s="15">
        <v>54</v>
      </c>
      <c r="C70" s="35"/>
      <c r="D70" s="36"/>
      <c r="E70" s="37"/>
      <c r="F70" s="38"/>
      <c r="G70" s="39"/>
      <c r="H70" s="39"/>
      <c r="I70" s="39"/>
      <c r="J70" s="40"/>
      <c r="K70" s="38"/>
      <c r="L70" s="39"/>
      <c r="M70" s="39"/>
      <c r="N70" s="39"/>
      <c r="O70" s="40"/>
      <c r="P70" s="15"/>
      <c r="Q70" s="35"/>
      <c r="R70" s="36"/>
      <c r="S70" s="37"/>
      <c r="T70" s="15"/>
      <c r="U70" s="14" t="str">
        <f t="shared" si="1"/>
        <v/>
      </c>
      <c r="V70" s="41"/>
      <c r="W70" s="42"/>
      <c r="X70" s="42"/>
      <c r="Y70" s="42"/>
      <c r="Z70" s="42"/>
      <c r="AA70" s="43"/>
    </row>
    <row r="71" spans="2:27" ht="24.95" customHeight="1">
      <c r="B71" s="15">
        <v>55</v>
      </c>
      <c r="C71" s="35"/>
      <c r="D71" s="36"/>
      <c r="E71" s="37"/>
      <c r="F71" s="38"/>
      <c r="G71" s="39"/>
      <c r="H71" s="39"/>
      <c r="I71" s="39"/>
      <c r="J71" s="40"/>
      <c r="K71" s="38"/>
      <c r="L71" s="39"/>
      <c r="M71" s="39"/>
      <c r="N71" s="39"/>
      <c r="O71" s="40"/>
      <c r="P71" s="15"/>
      <c r="Q71" s="35"/>
      <c r="R71" s="36"/>
      <c r="S71" s="37"/>
      <c r="T71" s="15"/>
      <c r="U71" s="14" t="str">
        <f t="shared" si="1"/>
        <v/>
      </c>
      <c r="V71" s="41"/>
      <c r="W71" s="42"/>
      <c r="X71" s="42"/>
      <c r="Y71" s="42"/>
      <c r="Z71" s="42"/>
      <c r="AA71" s="43"/>
    </row>
    <row r="72" spans="2:27" ht="24.95" customHeight="1">
      <c r="B72" s="15">
        <v>56</v>
      </c>
      <c r="C72" s="35"/>
      <c r="D72" s="36"/>
      <c r="E72" s="37"/>
      <c r="F72" s="38"/>
      <c r="G72" s="39"/>
      <c r="H72" s="39"/>
      <c r="I72" s="39"/>
      <c r="J72" s="40"/>
      <c r="K72" s="38"/>
      <c r="L72" s="39"/>
      <c r="M72" s="39"/>
      <c r="N72" s="39"/>
      <c r="O72" s="40"/>
      <c r="P72" s="15"/>
      <c r="Q72" s="35"/>
      <c r="R72" s="36"/>
      <c r="S72" s="37"/>
      <c r="T72" s="15"/>
      <c r="U72" s="14" t="str">
        <f t="shared" si="1"/>
        <v/>
      </c>
      <c r="V72" s="41"/>
      <c r="W72" s="42"/>
      <c r="X72" s="42"/>
      <c r="Y72" s="42"/>
      <c r="Z72" s="42"/>
      <c r="AA72" s="43"/>
    </row>
    <row r="73" spans="2:27" ht="24.95" customHeight="1">
      <c r="B73" s="15">
        <v>57</v>
      </c>
      <c r="C73" s="35"/>
      <c r="D73" s="36"/>
      <c r="E73" s="37"/>
      <c r="F73" s="38"/>
      <c r="G73" s="39"/>
      <c r="H73" s="39"/>
      <c r="I73" s="39"/>
      <c r="J73" s="40"/>
      <c r="K73" s="38"/>
      <c r="L73" s="39"/>
      <c r="M73" s="39"/>
      <c r="N73" s="39"/>
      <c r="O73" s="40"/>
      <c r="P73" s="15"/>
      <c r="Q73" s="35"/>
      <c r="R73" s="36"/>
      <c r="S73" s="37"/>
      <c r="T73" s="15"/>
      <c r="U73" s="14" t="str">
        <f t="shared" si="1"/>
        <v/>
      </c>
      <c r="V73" s="41"/>
      <c r="W73" s="42"/>
      <c r="X73" s="42"/>
      <c r="Y73" s="42"/>
      <c r="Z73" s="42"/>
      <c r="AA73" s="43"/>
    </row>
    <row r="74" spans="2:27" ht="24.95" customHeight="1">
      <c r="B74" s="15">
        <v>58</v>
      </c>
      <c r="C74" s="35"/>
      <c r="D74" s="36"/>
      <c r="E74" s="37"/>
      <c r="F74" s="38"/>
      <c r="G74" s="39"/>
      <c r="H74" s="39"/>
      <c r="I74" s="39"/>
      <c r="J74" s="40"/>
      <c r="K74" s="38"/>
      <c r="L74" s="39"/>
      <c r="M74" s="39"/>
      <c r="N74" s="39"/>
      <c r="O74" s="40"/>
      <c r="P74" s="15"/>
      <c r="Q74" s="35"/>
      <c r="R74" s="36"/>
      <c r="S74" s="37"/>
      <c r="T74" s="15"/>
      <c r="U74" s="14" t="str">
        <f t="shared" si="1"/>
        <v/>
      </c>
      <c r="V74" s="41"/>
      <c r="W74" s="42"/>
      <c r="X74" s="42"/>
      <c r="Y74" s="42"/>
      <c r="Z74" s="42"/>
      <c r="AA74" s="43"/>
    </row>
    <row r="75" spans="2:27" ht="24.95" customHeight="1">
      <c r="B75" s="15">
        <v>59</v>
      </c>
      <c r="C75" s="35"/>
      <c r="D75" s="36"/>
      <c r="E75" s="37"/>
      <c r="F75" s="38"/>
      <c r="G75" s="39"/>
      <c r="H75" s="39"/>
      <c r="I75" s="39"/>
      <c r="J75" s="40"/>
      <c r="K75" s="38"/>
      <c r="L75" s="39"/>
      <c r="M75" s="39"/>
      <c r="N75" s="39"/>
      <c r="O75" s="40"/>
      <c r="P75" s="15"/>
      <c r="Q75" s="35"/>
      <c r="R75" s="36"/>
      <c r="S75" s="37"/>
      <c r="T75" s="15"/>
      <c r="U75" s="14" t="str">
        <f t="shared" si="1"/>
        <v/>
      </c>
      <c r="V75" s="41"/>
      <c r="W75" s="42"/>
      <c r="X75" s="42"/>
      <c r="Y75" s="42"/>
      <c r="Z75" s="42"/>
      <c r="AA75" s="43"/>
    </row>
    <row r="76" spans="2:27" ht="24.95" customHeight="1">
      <c r="B76" s="15">
        <v>60</v>
      </c>
      <c r="C76" s="35"/>
      <c r="D76" s="36"/>
      <c r="E76" s="37"/>
      <c r="F76" s="38"/>
      <c r="G76" s="39"/>
      <c r="H76" s="39"/>
      <c r="I76" s="39"/>
      <c r="J76" s="40"/>
      <c r="K76" s="38"/>
      <c r="L76" s="39"/>
      <c r="M76" s="39"/>
      <c r="N76" s="39"/>
      <c r="O76" s="40"/>
      <c r="P76" s="15"/>
      <c r="Q76" s="35"/>
      <c r="R76" s="36"/>
      <c r="S76" s="37"/>
      <c r="T76" s="15"/>
      <c r="U76" s="14" t="str">
        <f t="shared" si="1"/>
        <v/>
      </c>
      <c r="V76" s="41"/>
      <c r="W76" s="42"/>
      <c r="X76" s="42"/>
      <c r="Y76" s="42"/>
      <c r="Z76" s="42"/>
      <c r="AA76" s="43"/>
    </row>
    <row r="77" spans="2:27" ht="24.95" customHeight="1">
      <c r="B77" s="15">
        <v>61</v>
      </c>
      <c r="C77" s="35"/>
      <c r="D77" s="36"/>
      <c r="E77" s="37"/>
      <c r="F77" s="38"/>
      <c r="G77" s="39"/>
      <c r="H77" s="39"/>
      <c r="I77" s="39"/>
      <c r="J77" s="40"/>
      <c r="K77" s="38"/>
      <c r="L77" s="39"/>
      <c r="M77" s="39"/>
      <c r="N77" s="39"/>
      <c r="O77" s="40"/>
      <c r="P77" s="15"/>
      <c r="Q77" s="35"/>
      <c r="R77" s="36"/>
      <c r="S77" s="37"/>
      <c r="T77" s="15"/>
      <c r="U77" s="14" t="str">
        <f t="shared" si="1"/>
        <v/>
      </c>
      <c r="V77" s="41"/>
      <c r="W77" s="42"/>
      <c r="X77" s="42"/>
      <c r="Y77" s="42"/>
      <c r="Z77" s="42"/>
      <c r="AA77" s="43"/>
    </row>
    <row r="78" spans="2:27" ht="24.95" customHeight="1">
      <c r="B78" s="15">
        <v>62</v>
      </c>
      <c r="C78" s="35"/>
      <c r="D78" s="36"/>
      <c r="E78" s="37"/>
      <c r="F78" s="38"/>
      <c r="G78" s="39"/>
      <c r="H78" s="39"/>
      <c r="I78" s="39"/>
      <c r="J78" s="40"/>
      <c r="K78" s="38"/>
      <c r="L78" s="39"/>
      <c r="M78" s="39"/>
      <c r="N78" s="39"/>
      <c r="O78" s="40"/>
      <c r="P78" s="15"/>
      <c r="Q78" s="35"/>
      <c r="R78" s="36"/>
      <c r="S78" s="37"/>
      <c r="T78" s="15"/>
      <c r="U78" s="14" t="str">
        <f t="shared" si="1"/>
        <v/>
      </c>
      <c r="V78" s="41"/>
      <c r="W78" s="42"/>
      <c r="X78" s="42"/>
      <c r="Y78" s="42"/>
      <c r="Z78" s="42"/>
      <c r="AA78" s="43"/>
    </row>
    <row r="79" spans="2:27" ht="24.95" customHeight="1">
      <c r="B79" s="15">
        <v>63</v>
      </c>
      <c r="C79" s="35"/>
      <c r="D79" s="36"/>
      <c r="E79" s="37"/>
      <c r="F79" s="38"/>
      <c r="G79" s="39"/>
      <c r="H79" s="39"/>
      <c r="I79" s="39"/>
      <c r="J79" s="40"/>
      <c r="K79" s="38"/>
      <c r="L79" s="39"/>
      <c r="M79" s="39"/>
      <c r="N79" s="39"/>
      <c r="O79" s="40"/>
      <c r="P79" s="15"/>
      <c r="Q79" s="35"/>
      <c r="R79" s="36"/>
      <c r="S79" s="37"/>
      <c r="T79" s="15"/>
      <c r="U79" s="14" t="str">
        <f t="shared" si="1"/>
        <v/>
      </c>
      <c r="V79" s="41"/>
      <c r="W79" s="42"/>
      <c r="X79" s="42"/>
      <c r="Y79" s="42"/>
      <c r="Z79" s="42"/>
      <c r="AA79" s="43"/>
    </row>
    <row r="80" spans="2:27" ht="24.95" customHeight="1">
      <c r="B80" s="15">
        <v>64</v>
      </c>
      <c r="C80" s="35"/>
      <c r="D80" s="36"/>
      <c r="E80" s="37"/>
      <c r="F80" s="38"/>
      <c r="G80" s="39"/>
      <c r="H80" s="39"/>
      <c r="I80" s="39"/>
      <c r="J80" s="40"/>
      <c r="K80" s="38"/>
      <c r="L80" s="39"/>
      <c r="M80" s="39"/>
      <c r="N80" s="39"/>
      <c r="O80" s="40"/>
      <c r="P80" s="15"/>
      <c r="Q80" s="35"/>
      <c r="R80" s="36"/>
      <c r="S80" s="37"/>
      <c r="T80" s="15"/>
      <c r="U80" s="14" t="str">
        <f t="shared" si="1"/>
        <v/>
      </c>
      <c r="V80" s="41"/>
      <c r="W80" s="42"/>
      <c r="X80" s="42"/>
      <c r="Y80" s="42"/>
      <c r="Z80" s="42"/>
      <c r="AA80" s="43"/>
    </row>
    <row r="81" spans="2:27" ht="24.95" customHeight="1">
      <c r="B81" s="15">
        <v>65</v>
      </c>
      <c r="C81" s="35"/>
      <c r="D81" s="36"/>
      <c r="E81" s="37"/>
      <c r="F81" s="38"/>
      <c r="G81" s="39"/>
      <c r="H81" s="39"/>
      <c r="I81" s="39"/>
      <c r="J81" s="40"/>
      <c r="K81" s="38"/>
      <c r="L81" s="39"/>
      <c r="M81" s="39"/>
      <c r="N81" s="39"/>
      <c r="O81" s="40"/>
      <c r="P81" s="15"/>
      <c r="Q81" s="35"/>
      <c r="R81" s="36"/>
      <c r="S81" s="37"/>
      <c r="T81" s="15"/>
      <c r="U81" s="14" t="str">
        <f t="shared" si="1"/>
        <v/>
      </c>
      <c r="V81" s="41"/>
      <c r="W81" s="42"/>
      <c r="X81" s="42"/>
      <c r="Y81" s="42"/>
      <c r="Z81" s="42"/>
      <c r="AA81" s="43"/>
    </row>
    <row r="82" spans="2:27" ht="24.95" customHeight="1">
      <c r="B82" s="15">
        <v>66</v>
      </c>
      <c r="C82" s="35"/>
      <c r="D82" s="36"/>
      <c r="E82" s="37"/>
      <c r="F82" s="38"/>
      <c r="G82" s="39"/>
      <c r="H82" s="39"/>
      <c r="I82" s="39"/>
      <c r="J82" s="40"/>
      <c r="K82" s="38"/>
      <c r="L82" s="39"/>
      <c r="M82" s="39"/>
      <c r="N82" s="39"/>
      <c r="O82" s="40"/>
      <c r="P82" s="15"/>
      <c r="Q82" s="35"/>
      <c r="R82" s="36"/>
      <c r="S82" s="37"/>
      <c r="T82" s="15"/>
      <c r="U82" s="14" t="str">
        <f t="shared" si="1"/>
        <v/>
      </c>
      <c r="V82" s="41"/>
      <c r="W82" s="42"/>
      <c r="X82" s="42"/>
      <c r="Y82" s="42"/>
      <c r="Z82" s="42"/>
      <c r="AA82" s="43"/>
    </row>
    <row r="83" spans="2:27" ht="24.95" customHeight="1">
      <c r="B83" s="15">
        <v>67</v>
      </c>
      <c r="C83" s="35"/>
      <c r="D83" s="36"/>
      <c r="E83" s="37"/>
      <c r="F83" s="38"/>
      <c r="G83" s="39"/>
      <c r="H83" s="39"/>
      <c r="I83" s="39"/>
      <c r="J83" s="40"/>
      <c r="K83" s="38"/>
      <c r="L83" s="39"/>
      <c r="M83" s="39"/>
      <c r="N83" s="39"/>
      <c r="O83" s="40"/>
      <c r="P83" s="15"/>
      <c r="Q83" s="35"/>
      <c r="R83" s="36"/>
      <c r="S83" s="37"/>
      <c r="T83" s="15"/>
      <c r="U83" s="14" t="str">
        <f t="shared" si="1"/>
        <v/>
      </c>
      <c r="V83" s="41"/>
      <c r="W83" s="42"/>
      <c r="X83" s="42"/>
      <c r="Y83" s="42"/>
      <c r="Z83" s="42"/>
      <c r="AA83" s="43"/>
    </row>
    <row r="84" spans="2:27" ht="24.95" customHeight="1">
      <c r="B84" s="15">
        <v>68</v>
      </c>
      <c r="C84" s="35"/>
      <c r="D84" s="36"/>
      <c r="E84" s="37"/>
      <c r="F84" s="38"/>
      <c r="G84" s="39"/>
      <c r="H84" s="39"/>
      <c r="I84" s="39"/>
      <c r="J84" s="40"/>
      <c r="K84" s="38"/>
      <c r="L84" s="39"/>
      <c r="M84" s="39"/>
      <c r="N84" s="39"/>
      <c r="O84" s="40"/>
      <c r="P84" s="15"/>
      <c r="Q84" s="35"/>
      <c r="R84" s="36"/>
      <c r="S84" s="37"/>
      <c r="T84" s="15"/>
      <c r="U84" s="14" t="str">
        <f t="shared" si="1"/>
        <v/>
      </c>
      <c r="V84" s="41"/>
      <c r="W84" s="42"/>
      <c r="X84" s="42"/>
      <c r="Y84" s="42"/>
      <c r="Z84" s="42"/>
      <c r="AA84" s="43"/>
    </row>
    <row r="85" spans="2:27" ht="24.95" customHeight="1">
      <c r="B85" s="15">
        <v>69</v>
      </c>
      <c r="C85" s="35"/>
      <c r="D85" s="36"/>
      <c r="E85" s="37"/>
      <c r="F85" s="38"/>
      <c r="G85" s="39"/>
      <c r="H85" s="39"/>
      <c r="I85" s="39"/>
      <c r="J85" s="40"/>
      <c r="K85" s="38"/>
      <c r="L85" s="39"/>
      <c r="M85" s="39"/>
      <c r="N85" s="39"/>
      <c r="O85" s="40"/>
      <c r="P85" s="15"/>
      <c r="Q85" s="35"/>
      <c r="R85" s="36"/>
      <c r="S85" s="37"/>
      <c r="T85" s="15"/>
      <c r="U85" s="14" t="str">
        <f t="shared" si="1"/>
        <v/>
      </c>
      <c r="V85" s="41"/>
      <c r="W85" s="42"/>
      <c r="X85" s="42"/>
      <c r="Y85" s="42"/>
      <c r="Z85" s="42"/>
      <c r="AA85" s="43"/>
    </row>
    <row r="86" spans="2:27" ht="24.95" customHeight="1">
      <c r="B86" s="15">
        <v>70</v>
      </c>
      <c r="C86" s="35"/>
      <c r="D86" s="36"/>
      <c r="E86" s="37"/>
      <c r="F86" s="38"/>
      <c r="G86" s="39"/>
      <c r="H86" s="39"/>
      <c r="I86" s="39"/>
      <c r="J86" s="40"/>
      <c r="K86" s="38"/>
      <c r="L86" s="39"/>
      <c r="M86" s="39"/>
      <c r="N86" s="39"/>
      <c r="O86" s="40"/>
      <c r="P86" s="15"/>
      <c r="Q86" s="35"/>
      <c r="R86" s="36"/>
      <c r="S86" s="37"/>
      <c r="T86" s="15"/>
      <c r="U86" s="14" t="str">
        <f t="shared" si="1"/>
        <v/>
      </c>
      <c r="V86" s="41"/>
      <c r="W86" s="42"/>
      <c r="X86" s="42"/>
      <c r="Y86" s="42"/>
      <c r="Z86" s="42"/>
      <c r="AA86" s="43"/>
    </row>
    <row r="87" spans="2:27" ht="24.95" customHeight="1">
      <c r="B87" s="15">
        <v>71</v>
      </c>
      <c r="C87" s="35"/>
      <c r="D87" s="36"/>
      <c r="E87" s="37"/>
      <c r="F87" s="38"/>
      <c r="G87" s="39"/>
      <c r="H87" s="39"/>
      <c r="I87" s="39"/>
      <c r="J87" s="40"/>
      <c r="K87" s="38"/>
      <c r="L87" s="39"/>
      <c r="M87" s="39"/>
      <c r="N87" s="39"/>
      <c r="O87" s="40"/>
      <c r="P87" s="15"/>
      <c r="Q87" s="35"/>
      <c r="R87" s="36"/>
      <c r="S87" s="37"/>
      <c r="T87" s="15"/>
      <c r="U87" s="14" t="str">
        <f t="shared" si="1"/>
        <v/>
      </c>
      <c r="V87" s="41"/>
      <c r="W87" s="42"/>
      <c r="X87" s="42"/>
      <c r="Y87" s="42"/>
      <c r="Z87" s="42"/>
      <c r="AA87" s="43"/>
    </row>
    <row r="88" spans="2:27" ht="24.95" customHeight="1">
      <c r="B88" s="15">
        <v>72</v>
      </c>
      <c r="C88" s="35"/>
      <c r="D88" s="36"/>
      <c r="E88" s="37"/>
      <c r="F88" s="38"/>
      <c r="G88" s="39"/>
      <c r="H88" s="39"/>
      <c r="I88" s="39"/>
      <c r="J88" s="40"/>
      <c r="K88" s="38"/>
      <c r="L88" s="39"/>
      <c r="M88" s="39"/>
      <c r="N88" s="39"/>
      <c r="O88" s="40"/>
      <c r="P88" s="15"/>
      <c r="Q88" s="35"/>
      <c r="R88" s="36"/>
      <c r="S88" s="37"/>
      <c r="T88" s="15"/>
      <c r="U88" s="14" t="str">
        <f t="shared" si="1"/>
        <v/>
      </c>
      <c r="V88" s="41"/>
      <c r="W88" s="42"/>
      <c r="X88" s="42"/>
      <c r="Y88" s="42"/>
      <c r="Z88" s="42"/>
      <c r="AA88" s="43"/>
    </row>
    <row r="89" spans="2:27" ht="24.95" customHeight="1">
      <c r="B89" s="15">
        <v>73</v>
      </c>
      <c r="C89" s="35"/>
      <c r="D89" s="36"/>
      <c r="E89" s="37"/>
      <c r="F89" s="38"/>
      <c r="G89" s="39"/>
      <c r="H89" s="39"/>
      <c r="I89" s="39"/>
      <c r="J89" s="40"/>
      <c r="K89" s="38"/>
      <c r="L89" s="39"/>
      <c r="M89" s="39"/>
      <c r="N89" s="39"/>
      <c r="O89" s="40"/>
      <c r="P89" s="15"/>
      <c r="Q89" s="35"/>
      <c r="R89" s="36"/>
      <c r="S89" s="37"/>
      <c r="T89" s="15"/>
      <c r="U89" s="14" t="str">
        <f t="shared" si="1"/>
        <v/>
      </c>
      <c r="V89" s="41"/>
      <c r="W89" s="42"/>
      <c r="X89" s="42"/>
      <c r="Y89" s="42"/>
      <c r="Z89" s="42"/>
      <c r="AA89" s="43"/>
    </row>
    <row r="90" spans="2:27" ht="24.95" customHeight="1">
      <c r="B90" s="15">
        <v>74</v>
      </c>
      <c r="C90" s="35"/>
      <c r="D90" s="36"/>
      <c r="E90" s="37"/>
      <c r="F90" s="38"/>
      <c r="G90" s="39"/>
      <c r="H90" s="39"/>
      <c r="I90" s="39"/>
      <c r="J90" s="40"/>
      <c r="K90" s="38"/>
      <c r="L90" s="39"/>
      <c r="M90" s="39"/>
      <c r="N90" s="39"/>
      <c r="O90" s="40"/>
      <c r="P90" s="15"/>
      <c r="Q90" s="35"/>
      <c r="R90" s="36"/>
      <c r="S90" s="37"/>
      <c r="T90" s="15"/>
      <c r="U90" s="14" t="str">
        <f t="shared" si="1"/>
        <v/>
      </c>
      <c r="V90" s="41"/>
      <c r="W90" s="42"/>
      <c r="X90" s="42"/>
      <c r="Y90" s="42"/>
      <c r="Z90" s="42"/>
      <c r="AA90" s="43"/>
    </row>
    <row r="91" spans="2:27" ht="24.95" customHeight="1">
      <c r="B91" s="15">
        <v>75</v>
      </c>
      <c r="C91" s="35"/>
      <c r="D91" s="36"/>
      <c r="E91" s="37"/>
      <c r="F91" s="38"/>
      <c r="G91" s="39"/>
      <c r="H91" s="39"/>
      <c r="I91" s="39"/>
      <c r="J91" s="40"/>
      <c r="K91" s="38"/>
      <c r="L91" s="39"/>
      <c r="M91" s="39"/>
      <c r="N91" s="39"/>
      <c r="O91" s="40"/>
      <c r="P91" s="15"/>
      <c r="Q91" s="35"/>
      <c r="R91" s="36"/>
      <c r="S91" s="37"/>
      <c r="T91" s="15"/>
      <c r="U91" s="14" t="str">
        <f t="shared" si="1"/>
        <v/>
      </c>
      <c r="V91" s="41"/>
      <c r="W91" s="42"/>
      <c r="X91" s="42"/>
      <c r="Y91" s="42"/>
      <c r="Z91" s="42"/>
      <c r="AA91" s="43"/>
    </row>
    <row r="92" spans="2:27" ht="24.95" customHeight="1">
      <c r="B92" s="15">
        <v>76</v>
      </c>
      <c r="C92" s="35"/>
      <c r="D92" s="36"/>
      <c r="E92" s="37"/>
      <c r="F92" s="38"/>
      <c r="G92" s="39"/>
      <c r="H92" s="39"/>
      <c r="I92" s="39"/>
      <c r="J92" s="40"/>
      <c r="K92" s="38"/>
      <c r="L92" s="39"/>
      <c r="M92" s="39"/>
      <c r="N92" s="39"/>
      <c r="O92" s="40"/>
      <c r="P92" s="15"/>
      <c r="Q92" s="35"/>
      <c r="R92" s="36"/>
      <c r="S92" s="37"/>
      <c r="T92" s="15"/>
      <c r="U92" s="14" t="str">
        <f t="shared" si="1"/>
        <v/>
      </c>
      <c r="V92" s="41"/>
      <c r="W92" s="42"/>
      <c r="X92" s="42"/>
      <c r="Y92" s="42"/>
      <c r="Z92" s="42"/>
      <c r="AA92" s="43"/>
    </row>
    <row r="93" spans="2:27" ht="24.95" customHeight="1">
      <c r="B93" s="15">
        <v>77</v>
      </c>
      <c r="C93" s="35"/>
      <c r="D93" s="36"/>
      <c r="E93" s="37"/>
      <c r="F93" s="38"/>
      <c r="G93" s="39"/>
      <c r="H93" s="39"/>
      <c r="I93" s="39"/>
      <c r="J93" s="40"/>
      <c r="K93" s="38"/>
      <c r="L93" s="39"/>
      <c r="M93" s="39"/>
      <c r="N93" s="39"/>
      <c r="O93" s="40"/>
      <c r="P93" s="15"/>
      <c r="Q93" s="35"/>
      <c r="R93" s="36"/>
      <c r="S93" s="37"/>
      <c r="T93" s="15"/>
      <c r="U93" s="14" t="str">
        <f t="shared" si="1"/>
        <v/>
      </c>
      <c r="V93" s="41"/>
      <c r="W93" s="42"/>
      <c r="X93" s="42"/>
      <c r="Y93" s="42"/>
      <c r="Z93" s="42"/>
      <c r="AA93" s="43"/>
    </row>
    <row r="94" spans="2:27" ht="24.95" customHeight="1">
      <c r="B94" s="15">
        <v>78</v>
      </c>
      <c r="C94" s="35"/>
      <c r="D94" s="36"/>
      <c r="E94" s="37"/>
      <c r="F94" s="38"/>
      <c r="G94" s="39"/>
      <c r="H94" s="39"/>
      <c r="I94" s="39"/>
      <c r="J94" s="40"/>
      <c r="K94" s="38"/>
      <c r="L94" s="39"/>
      <c r="M94" s="39"/>
      <c r="N94" s="39"/>
      <c r="O94" s="40"/>
      <c r="P94" s="15"/>
      <c r="Q94" s="35"/>
      <c r="R94" s="36"/>
      <c r="S94" s="37"/>
      <c r="T94" s="15"/>
      <c r="U94" s="14" t="str">
        <f t="shared" si="1"/>
        <v/>
      </c>
      <c r="V94" s="41"/>
      <c r="W94" s="42"/>
      <c r="X94" s="42"/>
      <c r="Y94" s="42"/>
      <c r="Z94" s="42"/>
      <c r="AA94" s="43"/>
    </row>
    <row r="95" spans="2:27" ht="24.95" customHeight="1">
      <c r="B95" s="15">
        <v>79</v>
      </c>
      <c r="C95" s="35"/>
      <c r="D95" s="36"/>
      <c r="E95" s="37"/>
      <c r="F95" s="38"/>
      <c r="G95" s="39"/>
      <c r="H95" s="39"/>
      <c r="I95" s="39"/>
      <c r="J95" s="40"/>
      <c r="K95" s="38"/>
      <c r="L95" s="39"/>
      <c r="M95" s="39"/>
      <c r="N95" s="39"/>
      <c r="O95" s="40"/>
      <c r="P95" s="15"/>
      <c r="Q95" s="35"/>
      <c r="R95" s="36"/>
      <c r="S95" s="37"/>
      <c r="T95" s="15"/>
      <c r="U95" s="14" t="str">
        <f t="shared" si="1"/>
        <v/>
      </c>
      <c r="V95" s="41"/>
      <c r="W95" s="42"/>
      <c r="X95" s="42"/>
      <c r="Y95" s="42"/>
      <c r="Z95" s="42"/>
      <c r="AA95" s="43"/>
    </row>
    <row r="96" spans="2:27" ht="24.95" customHeight="1">
      <c r="B96" s="15">
        <v>80</v>
      </c>
      <c r="C96" s="35"/>
      <c r="D96" s="36"/>
      <c r="E96" s="37"/>
      <c r="F96" s="38"/>
      <c r="G96" s="39"/>
      <c r="H96" s="39"/>
      <c r="I96" s="39"/>
      <c r="J96" s="40"/>
      <c r="K96" s="38"/>
      <c r="L96" s="39"/>
      <c r="M96" s="39"/>
      <c r="N96" s="39"/>
      <c r="O96" s="40"/>
      <c r="P96" s="15"/>
      <c r="Q96" s="35"/>
      <c r="R96" s="36"/>
      <c r="S96" s="37"/>
      <c r="T96" s="15"/>
      <c r="U96" s="14" t="str">
        <f t="shared" si="1"/>
        <v/>
      </c>
      <c r="V96" s="41"/>
      <c r="W96" s="42"/>
      <c r="X96" s="42"/>
      <c r="Y96" s="42"/>
      <c r="Z96" s="42"/>
      <c r="AA96" s="43"/>
    </row>
    <row r="101" spans="11:15">
      <c r="K101" s="17"/>
      <c r="L101" s="17"/>
      <c r="M101" s="17"/>
      <c r="N101" s="17"/>
      <c r="O101" s="17"/>
    </row>
  </sheetData>
  <mergeCells count="419">
    <mergeCell ref="C55:E55"/>
    <mergeCell ref="F55:J55"/>
    <mergeCell ref="K55:O55"/>
    <mergeCell ref="Q55:S55"/>
    <mergeCell ref="V55:AA55"/>
    <mergeCell ref="C56:E56"/>
    <mergeCell ref="F56:J56"/>
    <mergeCell ref="K56:O56"/>
    <mergeCell ref="Q56:S56"/>
    <mergeCell ref="V56:AA56"/>
    <mergeCell ref="C53:E53"/>
    <mergeCell ref="F53:J53"/>
    <mergeCell ref="K53:O53"/>
    <mergeCell ref="Q53:S53"/>
    <mergeCell ref="V53:AA53"/>
    <mergeCell ref="C54:E54"/>
    <mergeCell ref="F54:J54"/>
    <mergeCell ref="K54:O54"/>
    <mergeCell ref="Q54:S54"/>
    <mergeCell ref="V54:AA54"/>
    <mergeCell ref="C51:E51"/>
    <mergeCell ref="F51:J51"/>
    <mergeCell ref="K51:O51"/>
    <mergeCell ref="Q51:S51"/>
    <mergeCell ref="V51:AA51"/>
    <mergeCell ref="C52:E52"/>
    <mergeCell ref="F52:J52"/>
    <mergeCell ref="K52:O52"/>
    <mergeCell ref="Q52:S52"/>
    <mergeCell ref="V52:AA52"/>
    <mergeCell ref="C49:E49"/>
    <mergeCell ref="F49:J49"/>
    <mergeCell ref="K49:O49"/>
    <mergeCell ref="Q49:S49"/>
    <mergeCell ref="V49:AA49"/>
    <mergeCell ref="C50:E50"/>
    <mergeCell ref="F50:J50"/>
    <mergeCell ref="K50:O50"/>
    <mergeCell ref="Q50:S50"/>
    <mergeCell ref="V50:AA50"/>
    <mergeCell ref="C47:E47"/>
    <mergeCell ref="F47:J47"/>
    <mergeCell ref="K47:O47"/>
    <mergeCell ref="Q47:S47"/>
    <mergeCell ref="V47:AA47"/>
    <mergeCell ref="C48:E48"/>
    <mergeCell ref="F48:J48"/>
    <mergeCell ref="K48:O48"/>
    <mergeCell ref="Q48:S48"/>
    <mergeCell ref="V48:AA48"/>
    <mergeCell ref="C45:E45"/>
    <mergeCell ref="F45:J45"/>
    <mergeCell ref="K45:O45"/>
    <mergeCell ref="Q45:S45"/>
    <mergeCell ref="V45:AA45"/>
    <mergeCell ref="C46:E46"/>
    <mergeCell ref="F46:J46"/>
    <mergeCell ref="K46:O46"/>
    <mergeCell ref="Q46:S46"/>
    <mergeCell ref="V46:AA46"/>
    <mergeCell ref="C43:E43"/>
    <mergeCell ref="F43:J43"/>
    <mergeCell ref="K43:O43"/>
    <mergeCell ref="Q43:S43"/>
    <mergeCell ref="V43:AA43"/>
    <mergeCell ref="C44:E44"/>
    <mergeCell ref="F44:J44"/>
    <mergeCell ref="K44:O44"/>
    <mergeCell ref="Q44:S44"/>
    <mergeCell ref="V44:AA44"/>
    <mergeCell ref="C41:E41"/>
    <mergeCell ref="F41:J41"/>
    <mergeCell ref="K41:O41"/>
    <mergeCell ref="Q41:S41"/>
    <mergeCell ref="V41:AA41"/>
    <mergeCell ref="C42:E42"/>
    <mergeCell ref="F42:J42"/>
    <mergeCell ref="K42:O42"/>
    <mergeCell ref="Q42:S42"/>
    <mergeCell ref="V42:AA42"/>
    <mergeCell ref="C39:E39"/>
    <mergeCell ref="F39:J39"/>
    <mergeCell ref="K39:O39"/>
    <mergeCell ref="Q39:S39"/>
    <mergeCell ref="V39:AA39"/>
    <mergeCell ref="C40:E40"/>
    <mergeCell ref="F40:J40"/>
    <mergeCell ref="K40:O40"/>
    <mergeCell ref="Q40:S40"/>
    <mergeCell ref="V40:AA40"/>
    <mergeCell ref="C37:E37"/>
    <mergeCell ref="F37:J37"/>
    <mergeCell ref="K37:O37"/>
    <mergeCell ref="Q37:S37"/>
    <mergeCell ref="V37:AA37"/>
    <mergeCell ref="C38:E38"/>
    <mergeCell ref="F38:J38"/>
    <mergeCell ref="K38:O38"/>
    <mergeCell ref="Q38:S38"/>
    <mergeCell ref="V38:AA38"/>
    <mergeCell ref="C35:E35"/>
    <mergeCell ref="F35:J35"/>
    <mergeCell ref="K35:O35"/>
    <mergeCell ref="Q35:S35"/>
    <mergeCell ref="V35:AA35"/>
    <mergeCell ref="C36:E36"/>
    <mergeCell ref="F36:J36"/>
    <mergeCell ref="K36:O36"/>
    <mergeCell ref="Q36:S36"/>
    <mergeCell ref="V36:AA36"/>
    <mergeCell ref="C33:E33"/>
    <mergeCell ref="F33:J33"/>
    <mergeCell ref="K33:O33"/>
    <mergeCell ref="Q33:S33"/>
    <mergeCell ref="V33:AA33"/>
    <mergeCell ref="C34:E34"/>
    <mergeCell ref="F34:J34"/>
    <mergeCell ref="K34:O34"/>
    <mergeCell ref="Q34:S34"/>
    <mergeCell ref="V34:AA34"/>
    <mergeCell ref="C31:E31"/>
    <mergeCell ref="F31:J31"/>
    <mergeCell ref="K31:O31"/>
    <mergeCell ref="Q31:S31"/>
    <mergeCell ref="V31:AA31"/>
    <mergeCell ref="C32:E32"/>
    <mergeCell ref="F32:J32"/>
    <mergeCell ref="K32:O32"/>
    <mergeCell ref="Q32:S32"/>
    <mergeCell ref="V32:AA32"/>
    <mergeCell ref="C29:E29"/>
    <mergeCell ref="F29:J29"/>
    <mergeCell ref="K29:O29"/>
    <mergeCell ref="Q29:S29"/>
    <mergeCell ref="V29:AA29"/>
    <mergeCell ref="C30:E30"/>
    <mergeCell ref="F30:J30"/>
    <mergeCell ref="K30:O30"/>
    <mergeCell ref="Q30:S30"/>
    <mergeCell ref="V30:AA30"/>
    <mergeCell ref="C27:E27"/>
    <mergeCell ref="F27:J27"/>
    <mergeCell ref="K27:O27"/>
    <mergeCell ref="Q27:S27"/>
    <mergeCell ref="V27:AA27"/>
    <mergeCell ref="C28:E28"/>
    <mergeCell ref="F28:J28"/>
    <mergeCell ref="K28:O28"/>
    <mergeCell ref="Q28:S28"/>
    <mergeCell ref="V28:AA28"/>
    <mergeCell ref="C25:E25"/>
    <mergeCell ref="F25:J25"/>
    <mergeCell ref="K25:O25"/>
    <mergeCell ref="Q25:S25"/>
    <mergeCell ref="V25:AA25"/>
    <mergeCell ref="C26:E26"/>
    <mergeCell ref="F26:J26"/>
    <mergeCell ref="K26:O26"/>
    <mergeCell ref="Q26:S26"/>
    <mergeCell ref="V26:AA26"/>
    <mergeCell ref="C23:E23"/>
    <mergeCell ref="F23:J23"/>
    <mergeCell ref="K23:O23"/>
    <mergeCell ref="Q23:S23"/>
    <mergeCell ref="V23:AA23"/>
    <mergeCell ref="C24:E24"/>
    <mergeCell ref="F24:J24"/>
    <mergeCell ref="K24:O24"/>
    <mergeCell ref="Q24:S24"/>
    <mergeCell ref="V24:AA24"/>
    <mergeCell ref="C21:E21"/>
    <mergeCell ref="F21:J21"/>
    <mergeCell ref="K21:O21"/>
    <mergeCell ref="Q21:S21"/>
    <mergeCell ref="V21:AA21"/>
    <mergeCell ref="C22:E22"/>
    <mergeCell ref="F22:J22"/>
    <mergeCell ref="K22:O22"/>
    <mergeCell ref="Q22:S22"/>
    <mergeCell ref="V22:AA22"/>
    <mergeCell ref="C19:E19"/>
    <mergeCell ref="F19:J19"/>
    <mergeCell ref="K19:O19"/>
    <mergeCell ref="Q19:S19"/>
    <mergeCell ref="V19:AA19"/>
    <mergeCell ref="C20:E20"/>
    <mergeCell ref="F20:J20"/>
    <mergeCell ref="K20:O20"/>
    <mergeCell ref="Q20:S20"/>
    <mergeCell ref="V20:AA20"/>
    <mergeCell ref="C17:E17"/>
    <mergeCell ref="F17:J17"/>
    <mergeCell ref="K17:O17"/>
    <mergeCell ref="Q17:S17"/>
    <mergeCell ref="V17:AA17"/>
    <mergeCell ref="C18:E18"/>
    <mergeCell ref="F18:J18"/>
    <mergeCell ref="K18:O18"/>
    <mergeCell ref="Q18:S18"/>
    <mergeCell ref="V18:AA18"/>
    <mergeCell ref="B1:AA1"/>
    <mergeCell ref="B2:AA2"/>
    <mergeCell ref="B3:AA3"/>
    <mergeCell ref="B5:E5"/>
    <mergeCell ref="F5:S5"/>
    <mergeCell ref="U5:X5"/>
    <mergeCell ref="C57:E57"/>
    <mergeCell ref="F57:J57"/>
    <mergeCell ref="K57:O57"/>
    <mergeCell ref="Q57:S57"/>
    <mergeCell ref="V57:AA57"/>
    <mergeCell ref="U9:V9"/>
    <mergeCell ref="W9:X9"/>
    <mergeCell ref="C16:E16"/>
    <mergeCell ref="F16:J16"/>
    <mergeCell ref="K16:O16"/>
    <mergeCell ref="Q16:S16"/>
    <mergeCell ref="V16:AA16"/>
    <mergeCell ref="B6:E7"/>
    <mergeCell ref="F6:S7"/>
    <mergeCell ref="U6:V7"/>
    <mergeCell ref="W6:X7"/>
    <mergeCell ref="U8:V8"/>
    <mergeCell ref="W8:X8"/>
    <mergeCell ref="C58:E58"/>
    <mergeCell ref="F58:J58"/>
    <mergeCell ref="K58:O58"/>
    <mergeCell ref="Q58:S58"/>
    <mergeCell ref="V58:AA58"/>
    <mergeCell ref="C59:E59"/>
    <mergeCell ref="F59:J59"/>
    <mergeCell ref="K59:O59"/>
    <mergeCell ref="Q59:S59"/>
    <mergeCell ref="V59:AA59"/>
    <mergeCell ref="C60:E60"/>
    <mergeCell ref="F60:J60"/>
    <mergeCell ref="K60:O60"/>
    <mergeCell ref="Q60:S60"/>
    <mergeCell ref="V60:AA60"/>
    <mergeCell ref="C61:E61"/>
    <mergeCell ref="F61:J61"/>
    <mergeCell ref="K61:O61"/>
    <mergeCell ref="Q61:S61"/>
    <mergeCell ref="V61:AA61"/>
    <mergeCell ref="C62:E62"/>
    <mergeCell ref="F62:J62"/>
    <mergeCell ref="K62:O62"/>
    <mergeCell ref="Q62:S62"/>
    <mergeCell ref="V62:AA62"/>
    <mergeCell ref="C63:E63"/>
    <mergeCell ref="F63:J63"/>
    <mergeCell ref="K63:O63"/>
    <mergeCell ref="Q63:S63"/>
    <mergeCell ref="V63:AA63"/>
    <mergeCell ref="C64:E64"/>
    <mergeCell ref="F64:J64"/>
    <mergeCell ref="K64:O64"/>
    <mergeCell ref="Q64:S64"/>
    <mergeCell ref="V64:AA64"/>
    <mergeCell ref="C65:E65"/>
    <mergeCell ref="F65:J65"/>
    <mergeCell ref="K65:O65"/>
    <mergeCell ref="Q65:S65"/>
    <mergeCell ref="V65:AA65"/>
    <mergeCell ref="C66:E66"/>
    <mergeCell ref="F66:J66"/>
    <mergeCell ref="K66:O66"/>
    <mergeCell ref="Q66:S66"/>
    <mergeCell ref="V66:AA66"/>
    <mergeCell ref="C67:E67"/>
    <mergeCell ref="F67:J67"/>
    <mergeCell ref="K67:O67"/>
    <mergeCell ref="Q67:S67"/>
    <mergeCell ref="V67:AA67"/>
    <mergeCell ref="C68:E68"/>
    <mergeCell ref="F68:J68"/>
    <mergeCell ref="K68:O68"/>
    <mergeCell ref="Q68:S68"/>
    <mergeCell ref="V68:AA68"/>
    <mergeCell ref="C69:E69"/>
    <mergeCell ref="F69:J69"/>
    <mergeCell ref="K69:O69"/>
    <mergeCell ref="Q69:S69"/>
    <mergeCell ref="V69:AA69"/>
    <mergeCell ref="C70:E70"/>
    <mergeCell ref="F70:J70"/>
    <mergeCell ref="K70:O70"/>
    <mergeCell ref="Q70:S70"/>
    <mergeCell ref="V70:AA70"/>
    <mergeCell ref="C71:E71"/>
    <mergeCell ref="F71:J71"/>
    <mergeCell ref="K71:O71"/>
    <mergeCell ref="Q71:S71"/>
    <mergeCell ref="V71:AA71"/>
    <mergeCell ref="C72:E72"/>
    <mergeCell ref="F72:J72"/>
    <mergeCell ref="K72:O72"/>
    <mergeCell ref="Q72:S72"/>
    <mergeCell ref="V72:AA72"/>
    <mergeCell ref="C73:E73"/>
    <mergeCell ref="F73:J73"/>
    <mergeCell ref="K73:O73"/>
    <mergeCell ref="Q73:S73"/>
    <mergeCell ref="V73:AA73"/>
    <mergeCell ref="C74:E74"/>
    <mergeCell ref="F74:J74"/>
    <mergeCell ref="K74:O74"/>
    <mergeCell ref="Q74:S74"/>
    <mergeCell ref="V74:AA74"/>
    <mergeCell ref="C75:E75"/>
    <mergeCell ref="F75:J75"/>
    <mergeCell ref="K75:O75"/>
    <mergeCell ref="Q75:S75"/>
    <mergeCell ref="V75:AA75"/>
    <mergeCell ref="C76:E76"/>
    <mergeCell ref="F76:J76"/>
    <mergeCell ref="K76:O76"/>
    <mergeCell ref="Q76:S76"/>
    <mergeCell ref="V76:AA76"/>
    <mergeCell ref="C77:E77"/>
    <mergeCell ref="F77:J77"/>
    <mergeCell ref="K77:O77"/>
    <mergeCell ref="Q77:S77"/>
    <mergeCell ref="V77:AA77"/>
    <mergeCell ref="C78:E78"/>
    <mergeCell ref="F78:J78"/>
    <mergeCell ref="K78:O78"/>
    <mergeCell ref="Q78:S78"/>
    <mergeCell ref="V78:AA78"/>
    <mergeCell ref="C79:E79"/>
    <mergeCell ref="F79:J79"/>
    <mergeCell ref="K79:O79"/>
    <mergeCell ref="Q79:S79"/>
    <mergeCell ref="V79:AA79"/>
    <mergeCell ref="C80:E80"/>
    <mergeCell ref="F80:J80"/>
    <mergeCell ref="K80:O80"/>
    <mergeCell ref="Q80:S80"/>
    <mergeCell ref="V80:AA80"/>
    <mergeCell ref="C81:E81"/>
    <mergeCell ref="F81:J81"/>
    <mergeCell ref="K81:O81"/>
    <mergeCell ref="Q81:S81"/>
    <mergeCell ref="V81:AA81"/>
    <mergeCell ref="C82:E82"/>
    <mergeCell ref="F82:J82"/>
    <mergeCell ref="K82:O82"/>
    <mergeCell ref="Q82:S82"/>
    <mergeCell ref="V82:AA82"/>
    <mergeCell ref="C83:E83"/>
    <mergeCell ref="F83:J83"/>
    <mergeCell ref="K83:O83"/>
    <mergeCell ref="Q83:S83"/>
    <mergeCell ref="V83:AA83"/>
    <mergeCell ref="C84:E84"/>
    <mergeCell ref="F84:J84"/>
    <mergeCell ref="K84:O84"/>
    <mergeCell ref="Q84:S84"/>
    <mergeCell ref="V84:AA84"/>
    <mergeCell ref="C85:E85"/>
    <mergeCell ref="F85:J85"/>
    <mergeCell ref="K85:O85"/>
    <mergeCell ref="Q85:S85"/>
    <mergeCell ref="V85:AA85"/>
    <mergeCell ref="C86:E86"/>
    <mergeCell ref="F86:J86"/>
    <mergeCell ref="K86:O86"/>
    <mergeCell ref="Q86:S86"/>
    <mergeCell ref="V86:AA86"/>
    <mergeCell ref="C87:E87"/>
    <mergeCell ref="F87:J87"/>
    <mergeCell ref="K87:O87"/>
    <mergeCell ref="Q87:S87"/>
    <mergeCell ref="V87:AA87"/>
    <mergeCell ref="C88:E88"/>
    <mergeCell ref="F88:J88"/>
    <mergeCell ref="K88:O88"/>
    <mergeCell ref="Q88:S88"/>
    <mergeCell ref="V88:AA88"/>
    <mergeCell ref="C89:E89"/>
    <mergeCell ref="F89:J89"/>
    <mergeCell ref="K89:O89"/>
    <mergeCell ref="Q89:S89"/>
    <mergeCell ref="V89:AA89"/>
    <mergeCell ref="C90:E90"/>
    <mergeCell ref="F90:J90"/>
    <mergeCell ref="K90:O90"/>
    <mergeCell ref="Q90:S90"/>
    <mergeCell ref="V90:AA90"/>
    <mergeCell ref="C91:E91"/>
    <mergeCell ref="F91:J91"/>
    <mergeCell ref="K91:O91"/>
    <mergeCell ref="Q91:S91"/>
    <mergeCell ref="V91:AA91"/>
    <mergeCell ref="C92:E92"/>
    <mergeCell ref="F92:J92"/>
    <mergeCell ref="K92:O92"/>
    <mergeCell ref="Q92:S92"/>
    <mergeCell ref="V92:AA92"/>
    <mergeCell ref="C93:E93"/>
    <mergeCell ref="F93:J93"/>
    <mergeCell ref="K93:O93"/>
    <mergeCell ref="Q93:S93"/>
    <mergeCell ref="V93:AA93"/>
    <mergeCell ref="C96:E96"/>
    <mergeCell ref="F96:J96"/>
    <mergeCell ref="K96:O96"/>
    <mergeCell ref="Q96:S96"/>
    <mergeCell ref="V96:AA96"/>
    <mergeCell ref="C94:E94"/>
    <mergeCell ref="F94:J94"/>
    <mergeCell ref="K94:O94"/>
    <mergeCell ref="Q94:S94"/>
    <mergeCell ref="V94:AA94"/>
    <mergeCell ref="C95:E95"/>
    <mergeCell ref="F95:J95"/>
    <mergeCell ref="K95:O95"/>
    <mergeCell ref="Q95:S95"/>
    <mergeCell ref="V95:AA95"/>
  </mergeCells>
  <phoneticPr fontId="1"/>
  <dataValidations count="1">
    <dataValidation type="list" allowBlank="1" showInputMessage="1" showErrorMessage="1" sqref="P17:P96" xr:uid="{00000000-0002-0000-0300-000000000000}">
      <formula1>"男,女,無回答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55" fitToHeight="0" orientation="landscape" horizontalDpi="360" verticalDpi="360" r:id="rId1"/>
  <rowBreaks count="2" manualBreakCount="2">
    <brk id="35" max="27" man="1"/>
    <brk id="101" max="27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AA101"/>
  <sheetViews>
    <sheetView view="pageBreakPreview" zoomScale="85" zoomScaleNormal="100" zoomScaleSheetLayoutView="85" workbookViewId="0">
      <selection activeCell="B2" sqref="B2:AA2"/>
    </sheetView>
  </sheetViews>
  <sheetFormatPr defaultColWidth="8.875" defaultRowHeight="15.75"/>
  <cols>
    <col min="1" max="1" width="2.625" style="16" customWidth="1"/>
    <col min="2" max="2" width="11.125" style="16" customWidth="1"/>
    <col min="3" max="4" width="9.5" style="16" customWidth="1"/>
    <col min="5" max="5" width="5" style="16" customWidth="1"/>
    <col min="6" max="15" width="8.625" style="16" customWidth="1"/>
    <col min="16" max="24" width="8.875" style="16"/>
    <col min="25" max="28" width="3.625" style="16" customWidth="1"/>
    <col min="29" max="16384" width="8.875" style="16"/>
  </cols>
  <sheetData>
    <row r="1" spans="1:27" s="19" customFormat="1" ht="26.25">
      <c r="B1" s="50" t="s">
        <v>43</v>
      </c>
      <c r="C1" s="50"/>
      <c r="D1" s="50"/>
      <c r="E1" s="50"/>
      <c r="F1" s="50"/>
      <c r="G1" s="50"/>
      <c r="H1" s="50"/>
      <c r="I1" s="50"/>
      <c r="J1" s="50"/>
      <c r="K1" s="50"/>
      <c r="L1" s="50"/>
      <c r="M1" s="50"/>
      <c r="N1" s="50"/>
      <c r="O1" s="50"/>
      <c r="P1" s="50"/>
      <c r="Q1" s="50"/>
      <c r="R1" s="50"/>
      <c r="S1" s="50"/>
      <c r="T1" s="50"/>
      <c r="U1" s="50"/>
      <c r="V1" s="50"/>
      <c r="W1" s="50"/>
      <c r="X1" s="50"/>
      <c r="Y1" s="50"/>
      <c r="Z1" s="50"/>
      <c r="AA1" s="50"/>
    </row>
    <row r="2" spans="1:27" s="19" customFormat="1" ht="26.25">
      <c r="B2" s="50" t="s">
        <v>13</v>
      </c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  <c r="T2" s="50"/>
      <c r="U2" s="50"/>
      <c r="V2" s="50"/>
      <c r="W2" s="50"/>
      <c r="X2" s="50"/>
      <c r="Y2" s="50"/>
      <c r="Z2" s="50"/>
      <c r="AA2" s="50"/>
    </row>
    <row r="3" spans="1:27" s="19" customFormat="1" ht="26.25">
      <c r="B3" s="50" t="s">
        <v>69</v>
      </c>
      <c r="C3" s="50"/>
      <c r="D3" s="50"/>
      <c r="E3" s="50"/>
      <c r="F3" s="50"/>
      <c r="G3" s="50"/>
      <c r="H3" s="50"/>
      <c r="I3" s="50"/>
      <c r="J3" s="50"/>
      <c r="K3" s="50"/>
      <c r="L3" s="50"/>
      <c r="M3" s="50"/>
      <c r="N3" s="50"/>
      <c r="O3" s="50"/>
      <c r="P3" s="50"/>
      <c r="Q3" s="50"/>
      <c r="R3" s="50"/>
      <c r="S3" s="50"/>
      <c r="T3" s="50"/>
      <c r="U3" s="50"/>
      <c r="V3" s="50"/>
      <c r="W3" s="50"/>
      <c r="X3" s="50"/>
      <c r="Y3" s="50"/>
      <c r="Z3" s="50"/>
      <c r="AA3" s="50"/>
    </row>
    <row r="5" spans="1:27" ht="29.45" customHeight="1">
      <c r="B5" s="47" t="s">
        <v>14</v>
      </c>
      <c r="C5" s="48"/>
      <c r="D5" s="48"/>
      <c r="E5" s="49"/>
      <c r="F5" s="47" t="s">
        <v>37</v>
      </c>
      <c r="G5" s="48"/>
      <c r="H5" s="48"/>
      <c r="I5" s="48"/>
      <c r="J5" s="48"/>
      <c r="K5" s="48"/>
      <c r="L5" s="48"/>
      <c r="M5" s="48"/>
      <c r="N5" s="48"/>
      <c r="O5" s="48"/>
      <c r="P5" s="48"/>
      <c r="Q5" s="48"/>
      <c r="R5" s="48"/>
      <c r="S5" s="49"/>
      <c r="U5" s="55" t="s">
        <v>15</v>
      </c>
      <c r="V5" s="55"/>
      <c r="W5" s="55"/>
      <c r="X5" s="55"/>
    </row>
    <row r="6" spans="1:27" ht="14.25" customHeight="1">
      <c r="B6" s="52"/>
      <c r="C6" s="53"/>
      <c r="D6" s="53"/>
      <c r="E6" s="54"/>
      <c r="F6" s="35"/>
      <c r="G6" s="36"/>
      <c r="H6" s="36"/>
      <c r="I6" s="36"/>
      <c r="J6" s="36"/>
      <c r="K6" s="36"/>
      <c r="L6" s="36"/>
      <c r="M6" s="36"/>
      <c r="N6" s="36"/>
      <c r="O6" s="36"/>
      <c r="P6" s="36"/>
      <c r="Q6" s="36"/>
      <c r="R6" s="36"/>
      <c r="S6" s="37"/>
      <c r="U6" s="51" t="s">
        <v>54</v>
      </c>
      <c r="V6" s="51"/>
      <c r="W6" s="51"/>
      <c r="X6" s="51"/>
    </row>
    <row r="7" spans="1:27" ht="17.100000000000001" customHeight="1">
      <c r="B7" s="52"/>
      <c r="C7" s="53"/>
      <c r="D7" s="53"/>
      <c r="E7" s="54"/>
      <c r="F7" s="35"/>
      <c r="G7" s="36"/>
      <c r="H7" s="36"/>
      <c r="I7" s="36"/>
      <c r="J7" s="36"/>
      <c r="K7" s="36"/>
      <c r="L7" s="36"/>
      <c r="M7" s="36"/>
      <c r="N7" s="36"/>
      <c r="O7" s="36"/>
      <c r="P7" s="36"/>
      <c r="Q7" s="36"/>
      <c r="R7" s="36"/>
      <c r="S7" s="37"/>
      <c r="U7" s="51"/>
      <c r="V7" s="51"/>
      <c r="W7" s="51"/>
      <c r="X7" s="51"/>
    </row>
    <row r="8" spans="1:27" ht="30.95" customHeight="1">
      <c r="E8" s="17"/>
      <c r="F8" s="17"/>
      <c r="G8" s="17"/>
      <c r="H8" s="17"/>
      <c r="I8" s="17"/>
      <c r="J8" s="17"/>
      <c r="K8" s="17"/>
      <c r="L8" s="17"/>
      <c r="M8" s="17"/>
      <c r="N8" s="17"/>
      <c r="O8" s="17"/>
      <c r="P8" s="17"/>
      <c r="Q8" s="17"/>
      <c r="R8" s="17"/>
      <c r="S8" s="17"/>
      <c r="U8" s="51" t="s">
        <v>16</v>
      </c>
      <c r="V8" s="51"/>
      <c r="W8" s="47"/>
      <c r="X8" s="49"/>
    </row>
    <row r="9" spans="1:27" ht="33.6" customHeight="1">
      <c r="E9" s="17"/>
      <c r="F9" s="17"/>
      <c r="G9" s="17"/>
      <c r="H9" s="17"/>
      <c r="I9" s="17"/>
      <c r="J9" s="17"/>
      <c r="K9" s="17"/>
      <c r="L9" s="17"/>
      <c r="M9" s="17"/>
      <c r="N9" s="17"/>
      <c r="O9" s="17"/>
      <c r="P9" s="17"/>
      <c r="Q9" s="17"/>
      <c r="R9" s="17"/>
      <c r="S9" s="17"/>
      <c r="U9" s="47" t="s">
        <v>17</v>
      </c>
      <c r="V9" s="49"/>
      <c r="W9" s="47"/>
      <c r="X9" s="49"/>
      <c r="Y9" s="17"/>
      <c r="Z9" s="17"/>
    </row>
    <row r="10" spans="1:27" ht="30" customHeight="1">
      <c r="E10" s="17"/>
      <c r="F10" s="17"/>
      <c r="G10" s="17"/>
      <c r="H10" s="17"/>
      <c r="I10" s="17"/>
      <c r="J10" s="17"/>
      <c r="K10" s="17"/>
      <c r="L10" s="17"/>
      <c r="M10" s="17"/>
      <c r="N10" s="17"/>
      <c r="O10" s="17"/>
      <c r="P10" s="17"/>
      <c r="Q10" s="17"/>
      <c r="R10" s="17"/>
      <c r="S10" s="17"/>
      <c r="Y10" s="17"/>
      <c r="Z10" s="17"/>
    </row>
    <row r="11" spans="1:27" ht="30" customHeight="1">
      <c r="E11" s="17"/>
      <c r="F11" s="17"/>
      <c r="G11" s="17"/>
      <c r="H11" s="17"/>
      <c r="I11" s="17"/>
      <c r="J11" s="17"/>
      <c r="K11" s="17"/>
      <c r="L11" s="17"/>
      <c r="M11" s="17"/>
      <c r="N11" s="17"/>
      <c r="O11" s="17"/>
      <c r="P11" s="17"/>
      <c r="Q11" s="17"/>
      <c r="R11" s="17"/>
      <c r="S11" s="17"/>
      <c r="Y11" s="17"/>
      <c r="Z11" s="17"/>
    </row>
    <row r="12" spans="1:27" ht="30" customHeight="1">
      <c r="E12" s="17"/>
      <c r="F12" s="17"/>
      <c r="G12" s="17"/>
      <c r="H12" s="17"/>
      <c r="I12" s="17"/>
      <c r="J12" s="17"/>
      <c r="K12" s="17"/>
      <c r="L12" s="17"/>
      <c r="M12" s="17"/>
      <c r="N12" s="17"/>
      <c r="O12" s="17"/>
      <c r="P12" s="17"/>
      <c r="Q12" s="17"/>
      <c r="R12" s="17"/>
      <c r="S12" s="17"/>
      <c r="Y12" s="17"/>
      <c r="Z12" s="17"/>
    </row>
    <row r="13" spans="1:27">
      <c r="E13" s="17"/>
      <c r="F13" s="17"/>
      <c r="G13" s="17"/>
      <c r="H13" s="17"/>
      <c r="I13" s="17"/>
      <c r="J13" s="17"/>
      <c r="K13" s="17"/>
      <c r="L13" s="17"/>
      <c r="M13" s="17"/>
      <c r="N13" s="17"/>
      <c r="O13" s="17"/>
      <c r="P13" s="17"/>
      <c r="Q13" s="17"/>
      <c r="R13" s="17"/>
      <c r="S13" s="17"/>
      <c r="U13" s="17"/>
      <c r="V13" s="17"/>
    </row>
    <row r="14" spans="1:27">
      <c r="E14" s="17"/>
      <c r="F14" s="17"/>
      <c r="G14" s="17"/>
      <c r="H14" s="17"/>
      <c r="I14" s="17"/>
      <c r="J14" s="17"/>
      <c r="K14" s="17"/>
      <c r="L14" s="17"/>
      <c r="M14" s="17"/>
      <c r="N14" s="17"/>
      <c r="O14" s="17"/>
      <c r="P14" s="17"/>
      <c r="Q14" s="17"/>
      <c r="R14" s="17"/>
      <c r="S14" s="17"/>
      <c r="U14" s="17"/>
      <c r="V14" s="17"/>
    </row>
    <row r="16" spans="1:27" ht="22.5" customHeight="1">
      <c r="A16" s="17"/>
      <c r="B16" s="18" t="s">
        <v>38</v>
      </c>
      <c r="C16" s="38" t="s">
        <v>18</v>
      </c>
      <c r="D16" s="39"/>
      <c r="E16" s="40"/>
      <c r="F16" s="38" t="s">
        <v>19</v>
      </c>
      <c r="G16" s="39"/>
      <c r="H16" s="39"/>
      <c r="I16" s="39"/>
      <c r="J16" s="40"/>
      <c r="K16" s="38" t="s">
        <v>20</v>
      </c>
      <c r="L16" s="39"/>
      <c r="M16" s="39"/>
      <c r="N16" s="39"/>
      <c r="O16" s="40"/>
      <c r="P16" s="18" t="s">
        <v>21</v>
      </c>
      <c r="Q16" s="38" t="s">
        <v>40</v>
      </c>
      <c r="R16" s="39"/>
      <c r="S16" s="40"/>
      <c r="T16" s="18" t="s">
        <v>22</v>
      </c>
      <c r="U16" s="18" t="s">
        <v>23</v>
      </c>
      <c r="V16" s="44" t="s">
        <v>39</v>
      </c>
      <c r="W16" s="45"/>
      <c r="X16" s="45"/>
      <c r="Y16" s="45"/>
      <c r="Z16" s="45"/>
      <c r="AA16" s="46"/>
    </row>
    <row r="17" spans="2:27" ht="24.95" customHeight="1">
      <c r="B17" s="15">
        <v>1</v>
      </c>
      <c r="C17" s="35"/>
      <c r="D17" s="36"/>
      <c r="E17" s="37"/>
      <c r="F17" s="38"/>
      <c r="G17" s="39"/>
      <c r="H17" s="39"/>
      <c r="I17" s="39"/>
      <c r="J17" s="40"/>
      <c r="K17" s="38"/>
      <c r="L17" s="39"/>
      <c r="M17" s="39"/>
      <c r="N17" s="39"/>
      <c r="O17" s="40"/>
      <c r="P17" s="15"/>
      <c r="Q17" s="35"/>
      <c r="R17" s="36"/>
      <c r="S17" s="37"/>
      <c r="T17" s="15"/>
      <c r="U17" s="14" t="str">
        <f>IF(ISBLANK($T17),"",IF(T17&gt;=75,"合","否"))</f>
        <v/>
      </c>
      <c r="V17" s="41"/>
      <c r="W17" s="42"/>
      <c r="X17" s="42"/>
      <c r="Y17" s="42"/>
      <c r="Z17" s="42"/>
      <c r="AA17" s="43"/>
    </row>
    <row r="18" spans="2:27" ht="24.95" customHeight="1">
      <c r="B18" s="15">
        <v>2</v>
      </c>
      <c r="C18" s="35"/>
      <c r="D18" s="36"/>
      <c r="E18" s="37"/>
      <c r="F18" s="38"/>
      <c r="G18" s="39"/>
      <c r="H18" s="39"/>
      <c r="I18" s="39"/>
      <c r="J18" s="40"/>
      <c r="K18" s="38"/>
      <c r="L18" s="39"/>
      <c r="M18" s="39"/>
      <c r="N18" s="39"/>
      <c r="O18" s="40"/>
      <c r="P18" s="15"/>
      <c r="Q18" s="35"/>
      <c r="R18" s="36"/>
      <c r="S18" s="37"/>
      <c r="T18" s="15"/>
      <c r="U18" s="14" t="str">
        <f t="shared" ref="U18:U56" si="0">IF(ISBLANK($T18),"",IF(T18&gt;=75,"合","否"))</f>
        <v/>
      </c>
      <c r="V18" s="41"/>
      <c r="W18" s="42"/>
      <c r="X18" s="42"/>
      <c r="Y18" s="42"/>
      <c r="Z18" s="42"/>
      <c r="AA18" s="43"/>
    </row>
    <row r="19" spans="2:27" ht="24.95" customHeight="1">
      <c r="B19" s="15">
        <v>3</v>
      </c>
      <c r="C19" s="35"/>
      <c r="D19" s="36"/>
      <c r="E19" s="37"/>
      <c r="F19" s="38"/>
      <c r="G19" s="39"/>
      <c r="H19" s="39"/>
      <c r="I19" s="39"/>
      <c r="J19" s="40"/>
      <c r="K19" s="38"/>
      <c r="L19" s="39"/>
      <c r="M19" s="39"/>
      <c r="N19" s="39"/>
      <c r="O19" s="40"/>
      <c r="P19" s="15"/>
      <c r="Q19" s="35"/>
      <c r="R19" s="36"/>
      <c r="S19" s="37"/>
      <c r="T19" s="15"/>
      <c r="U19" s="14" t="str">
        <f t="shared" si="0"/>
        <v/>
      </c>
      <c r="V19" s="41"/>
      <c r="W19" s="42"/>
      <c r="X19" s="42"/>
      <c r="Y19" s="42"/>
      <c r="Z19" s="42"/>
      <c r="AA19" s="43"/>
    </row>
    <row r="20" spans="2:27" ht="24.95" customHeight="1">
      <c r="B20" s="15">
        <v>4</v>
      </c>
      <c r="C20" s="35"/>
      <c r="D20" s="36"/>
      <c r="E20" s="37"/>
      <c r="F20" s="38"/>
      <c r="G20" s="39"/>
      <c r="H20" s="39"/>
      <c r="I20" s="39"/>
      <c r="J20" s="40"/>
      <c r="K20" s="38"/>
      <c r="L20" s="39"/>
      <c r="M20" s="39"/>
      <c r="N20" s="39"/>
      <c r="O20" s="40"/>
      <c r="P20" s="15"/>
      <c r="Q20" s="35"/>
      <c r="R20" s="36"/>
      <c r="S20" s="37"/>
      <c r="T20" s="15"/>
      <c r="U20" s="14" t="str">
        <f t="shared" si="0"/>
        <v/>
      </c>
      <c r="V20" s="41"/>
      <c r="W20" s="42"/>
      <c r="X20" s="42"/>
      <c r="Y20" s="42"/>
      <c r="Z20" s="42"/>
      <c r="AA20" s="43"/>
    </row>
    <row r="21" spans="2:27" ht="24.95" customHeight="1">
      <c r="B21" s="15">
        <v>5</v>
      </c>
      <c r="C21" s="35"/>
      <c r="D21" s="36"/>
      <c r="E21" s="37"/>
      <c r="F21" s="38"/>
      <c r="G21" s="39"/>
      <c r="H21" s="39"/>
      <c r="I21" s="39"/>
      <c r="J21" s="40"/>
      <c r="K21" s="38"/>
      <c r="L21" s="39"/>
      <c r="M21" s="39"/>
      <c r="N21" s="39"/>
      <c r="O21" s="40"/>
      <c r="P21" s="15"/>
      <c r="Q21" s="35"/>
      <c r="R21" s="36"/>
      <c r="S21" s="37"/>
      <c r="T21" s="15"/>
      <c r="U21" s="14" t="str">
        <f t="shared" si="0"/>
        <v/>
      </c>
      <c r="V21" s="41"/>
      <c r="W21" s="42"/>
      <c r="X21" s="42"/>
      <c r="Y21" s="42"/>
      <c r="Z21" s="42"/>
      <c r="AA21" s="43"/>
    </row>
    <row r="22" spans="2:27" ht="24.95" customHeight="1">
      <c r="B22" s="15">
        <v>6</v>
      </c>
      <c r="C22" s="35"/>
      <c r="D22" s="36"/>
      <c r="E22" s="37"/>
      <c r="F22" s="38"/>
      <c r="G22" s="39"/>
      <c r="H22" s="39"/>
      <c r="I22" s="39"/>
      <c r="J22" s="40"/>
      <c r="K22" s="38"/>
      <c r="L22" s="39"/>
      <c r="M22" s="39"/>
      <c r="N22" s="39"/>
      <c r="O22" s="40"/>
      <c r="P22" s="15"/>
      <c r="Q22" s="35"/>
      <c r="R22" s="36"/>
      <c r="S22" s="37"/>
      <c r="T22" s="15"/>
      <c r="U22" s="14" t="str">
        <f t="shared" si="0"/>
        <v/>
      </c>
      <c r="V22" s="41"/>
      <c r="W22" s="42"/>
      <c r="X22" s="42"/>
      <c r="Y22" s="42"/>
      <c r="Z22" s="42"/>
      <c r="AA22" s="43"/>
    </row>
    <row r="23" spans="2:27" ht="24.95" customHeight="1">
      <c r="B23" s="15">
        <v>7</v>
      </c>
      <c r="C23" s="35"/>
      <c r="D23" s="36"/>
      <c r="E23" s="37"/>
      <c r="F23" s="38"/>
      <c r="G23" s="39"/>
      <c r="H23" s="39"/>
      <c r="I23" s="39"/>
      <c r="J23" s="40"/>
      <c r="K23" s="38"/>
      <c r="L23" s="39"/>
      <c r="M23" s="39"/>
      <c r="N23" s="39"/>
      <c r="O23" s="40"/>
      <c r="P23" s="15"/>
      <c r="Q23" s="35"/>
      <c r="R23" s="36"/>
      <c r="S23" s="37"/>
      <c r="T23" s="15"/>
      <c r="U23" s="14" t="str">
        <f t="shared" si="0"/>
        <v/>
      </c>
      <c r="V23" s="41"/>
      <c r="W23" s="42"/>
      <c r="X23" s="42"/>
      <c r="Y23" s="42"/>
      <c r="Z23" s="42"/>
      <c r="AA23" s="43"/>
    </row>
    <row r="24" spans="2:27" ht="24.95" customHeight="1">
      <c r="B24" s="15">
        <v>8</v>
      </c>
      <c r="C24" s="35"/>
      <c r="D24" s="36"/>
      <c r="E24" s="37"/>
      <c r="F24" s="38"/>
      <c r="G24" s="39"/>
      <c r="H24" s="39"/>
      <c r="I24" s="39"/>
      <c r="J24" s="40"/>
      <c r="K24" s="38"/>
      <c r="L24" s="39"/>
      <c r="M24" s="39"/>
      <c r="N24" s="39"/>
      <c r="O24" s="40"/>
      <c r="P24" s="15"/>
      <c r="Q24" s="35"/>
      <c r="R24" s="36"/>
      <c r="S24" s="37"/>
      <c r="T24" s="15"/>
      <c r="U24" s="14" t="str">
        <f t="shared" si="0"/>
        <v/>
      </c>
      <c r="V24" s="41"/>
      <c r="W24" s="42"/>
      <c r="X24" s="42"/>
      <c r="Y24" s="42"/>
      <c r="Z24" s="42"/>
      <c r="AA24" s="43"/>
    </row>
    <row r="25" spans="2:27" ht="24.95" customHeight="1">
      <c r="B25" s="15">
        <v>9</v>
      </c>
      <c r="C25" s="35"/>
      <c r="D25" s="36"/>
      <c r="E25" s="37"/>
      <c r="F25" s="38"/>
      <c r="G25" s="39"/>
      <c r="H25" s="39"/>
      <c r="I25" s="39"/>
      <c r="J25" s="40"/>
      <c r="K25" s="38"/>
      <c r="L25" s="39"/>
      <c r="M25" s="39"/>
      <c r="N25" s="39"/>
      <c r="O25" s="40"/>
      <c r="P25" s="15"/>
      <c r="Q25" s="35"/>
      <c r="R25" s="36"/>
      <c r="S25" s="37"/>
      <c r="T25" s="15"/>
      <c r="U25" s="14" t="str">
        <f t="shared" si="0"/>
        <v/>
      </c>
      <c r="V25" s="41"/>
      <c r="W25" s="42"/>
      <c r="X25" s="42"/>
      <c r="Y25" s="42"/>
      <c r="Z25" s="42"/>
      <c r="AA25" s="43"/>
    </row>
    <row r="26" spans="2:27" ht="24.95" customHeight="1">
      <c r="B26" s="15">
        <v>10</v>
      </c>
      <c r="C26" s="35"/>
      <c r="D26" s="36"/>
      <c r="E26" s="37"/>
      <c r="F26" s="38"/>
      <c r="G26" s="39"/>
      <c r="H26" s="39"/>
      <c r="I26" s="39"/>
      <c r="J26" s="40"/>
      <c r="K26" s="38"/>
      <c r="L26" s="39"/>
      <c r="M26" s="39"/>
      <c r="N26" s="39"/>
      <c r="O26" s="40"/>
      <c r="P26" s="15"/>
      <c r="Q26" s="35"/>
      <c r="R26" s="36"/>
      <c r="S26" s="37"/>
      <c r="T26" s="15"/>
      <c r="U26" s="14" t="str">
        <f t="shared" si="0"/>
        <v/>
      </c>
      <c r="V26" s="41"/>
      <c r="W26" s="42"/>
      <c r="X26" s="42"/>
      <c r="Y26" s="42"/>
      <c r="Z26" s="42"/>
      <c r="AA26" s="43"/>
    </row>
    <row r="27" spans="2:27" ht="24.95" customHeight="1">
      <c r="B27" s="15">
        <v>11</v>
      </c>
      <c r="C27" s="35"/>
      <c r="D27" s="36"/>
      <c r="E27" s="37"/>
      <c r="F27" s="38"/>
      <c r="G27" s="39"/>
      <c r="H27" s="39"/>
      <c r="I27" s="39"/>
      <c r="J27" s="40"/>
      <c r="K27" s="38"/>
      <c r="L27" s="39"/>
      <c r="M27" s="39"/>
      <c r="N27" s="39"/>
      <c r="O27" s="40"/>
      <c r="P27" s="15"/>
      <c r="Q27" s="35"/>
      <c r="R27" s="36"/>
      <c r="S27" s="37"/>
      <c r="T27" s="15"/>
      <c r="U27" s="14" t="str">
        <f t="shared" si="0"/>
        <v/>
      </c>
      <c r="V27" s="41"/>
      <c r="W27" s="42"/>
      <c r="X27" s="42"/>
      <c r="Y27" s="42"/>
      <c r="Z27" s="42"/>
      <c r="AA27" s="43"/>
    </row>
    <row r="28" spans="2:27" ht="24.95" customHeight="1">
      <c r="B28" s="15">
        <v>12</v>
      </c>
      <c r="C28" s="35"/>
      <c r="D28" s="36"/>
      <c r="E28" s="37"/>
      <c r="F28" s="38"/>
      <c r="G28" s="39"/>
      <c r="H28" s="39"/>
      <c r="I28" s="39"/>
      <c r="J28" s="40"/>
      <c r="K28" s="38"/>
      <c r="L28" s="39"/>
      <c r="M28" s="39"/>
      <c r="N28" s="39"/>
      <c r="O28" s="40"/>
      <c r="P28" s="15"/>
      <c r="Q28" s="35"/>
      <c r="R28" s="36"/>
      <c r="S28" s="37"/>
      <c r="T28" s="15"/>
      <c r="U28" s="14" t="str">
        <f t="shared" si="0"/>
        <v/>
      </c>
      <c r="V28" s="41"/>
      <c r="W28" s="42"/>
      <c r="X28" s="42"/>
      <c r="Y28" s="42"/>
      <c r="Z28" s="42"/>
      <c r="AA28" s="43"/>
    </row>
    <row r="29" spans="2:27" ht="24.95" customHeight="1">
      <c r="B29" s="15">
        <v>13</v>
      </c>
      <c r="C29" s="35"/>
      <c r="D29" s="36"/>
      <c r="E29" s="37"/>
      <c r="F29" s="38"/>
      <c r="G29" s="39"/>
      <c r="H29" s="39"/>
      <c r="I29" s="39"/>
      <c r="J29" s="40"/>
      <c r="K29" s="38"/>
      <c r="L29" s="39"/>
      <c r="M29" s="39"/>
      <c r="N29" s="39"/>
      <c r="O29" s="40"/>
      <c r="P29" s="15"/>
      <c r="Q29" s="35"/>
      <c r="R29" s="36"/>
      <c r="S29" s="37"/>
      <c r="T29" s="15"/>
      <c r="U29" s="14" t="str">
        <f t="shared" si="0"/>
        <v/>
      </c>
      <c r="V29" s="41"/>
      <c r="W29" s="42"/>
      <c r="X29" s="42"/>
      <c r="Y29" s="42"/>
      <c r="Z29" s="42"/>
      <c r="AA29" s="43"/>
    </row>
    <row r="30" spans="2:27" ht="24.95" customHeight="1">
      <c r="B30" s="15">
        <v>14</v>
      </c>
      <c r="C30" s="35"/>
      <c r="D30" s="36"/>
      <c r="E30" s="37"/>
      <c r="F30" s="38"/>
      <c r="G30" s="39"/>
      <c r="H30" s="39"/>
      <c r="I30" s="39"/>
      <c r="J30" s="40"/>
      <c r="K30" s="38"/>
      <c r="L30" s="39"/>
      <c r="M30" s="39"/>
      <c r="N30" s="39"/>
      <c r="O30" s="40"/>
      <c r="P30" s="15"/>
      <c r="Q30" s="35"/>
      <c r="R30" s="36"/>
      <c r="S30" s="37"/>
      <c r="T30" s="15"/>
      <c r="U30" s="14" t="str">
        <f t="shared" si="0"/>
        <v/>
      </c>
      <c r="V30" s="41"/>
      <c r="W30" s="42"/>
      <c r="X30" s="42"/>
      <c r="Y30" s="42"/>
      <c r="Z30" s="42"/>
      <c r="AA30" s="43"/>
    </row>
    <row r="31" spans="2:27" ht="24.95" customHeight="1">
      <c r="B31" s="15">
        <v>15</v>
      </c>
      <c r="C31" s="35"/>
      <c r="D31" s="36"/>
      <c r="E31" s="37"/>
      <c r="F31" s="38"/>
      <c r="G31" s="39"/>
      <c r="H31" s="39"/>
      <c r="I31" s="39"/>
      <c r="J31" s="40"/>
      <c r="K31" s="38"/>
      <c r="L31" s="39"/>
      <c r="M31" s="39"/>
      <c r="N31" s="39"/>
      <c r="O31" s="40"/>
      <c r="P31" s="15"/>
      <c r="Q31" s="35"/>
      <c r="R31" s="36"/>
      <c r="S31" s="37"/>
      <c r="T31" s="15"/>
      <c r="U31" s="14" t="str">
        <f t="shared" si="0"/>
        <v/>
      </c>
      <c r="V31" s="41"/>
      <c r="W31" s="42"/>
      <c r="X31" s="42"/>
      <c r="Y31" s="42"/>
      <c r="Z31" s="42"/>
      <c r="AA31" s="43"/>
    </row>
    <row r="32" spans="2:27" ht="24.95" customHeight="1">
      <c r="B32" s="15">
        <v>16</v>
      </c>
      <c r="C32" s="35"/>
      <c r="D32" s="36"/>
      <c r="E32" s="37"/>
      <c r="F32" s="38"/>
      <c r="G32" s="39"/>
      <c r="H32" s="39"/>
      <c r="I32" s="39"/>
      <c r="J32" s="40"/>
      <c r="K32" s="38"/>
      <c r="L32" s="39"/>
      <c r="M32" s="39"/>
      <c r="N32" s="39"/>
      <c r="O32" s="40"/>
      <c r="P32" s="15"/>
      <c r="Q32" s="35"/>
      <c r="R32" s="36"/>
      <c r="S32" s="37"/>
      <c r="T32" s="15"/>
      <c r="U32" s="14" t="str">
        <f t="shared" si="0"/>
        <v/>
      </c>
      <c r="V32" s="41"/>
      <c r="W32" s="42"/>
      <c r="X32" s="42"/>
      <c r="Y32" s="42"/>
      <c r="Z32" s="42"/>
      <c r="AA32" s="43"/>
    </row>
    <row r="33" spans="2:27" ht="24.95" customHeight="1">
      <c r="B33" s="15">
        <v>17</v>
      </c>
      <c r="C33" s="35"/>
      <c r="D33" s="36"/>
      <c r="E33" s="37"/>
      <c r="F33" s="38"/>
      <c r="G33" s="39"/>
      <c r="H33" s="39"/>
      <c r="I33" s="39"/>
      <c r="J33" s="40"/>
      <c r="K33" s="38"/>
      <c r="L33" s="39"/>
      <c r="M33" s="39"/>
      <c r="N33" s="39"/>
      <c r="O33" s="40"/>
      <c r="P33" s="15"/>
      <c r="Q33" s="35"/>
      <c r="R33" s="36"/>
      <c r="S33" s="37"/>
      <c r="T33" s="15"/>
      <c r="U33" s="14" t="str">
        <f t="shared" si="0"/>
        <v/>
      </c>
      <c r="V33" s="41"/>
      <c r="W33" s="42"/>
      <c r="X33" s="42"/>
      <c r="Y33" s="42"/>
      <c r="Z33" s="42"/>
      <c r="AA33" s="43"/>
    </row>
    <row r="34" spans="2:27" ht="24.95" customHeight="1">
      <c r="B34" s="15">
        <v>18</v>
      </c>
      <c r="C34" s="35"/>
      <c r="D34" s="36"/>
      <c r="E34" s="37"/>
      <c r="F34" s="38"/>
      <c r="G34" s="39"/>
      <c r="H34" s="39"/>
      <c r="I34" s="39"/>
      <c r="J34" s="40"/>
      <c r="K34" s="38"/>
      <c r="L34" s="39"/>
      <c r="M34" s="39"/>
      <c r="N34" s="39"/>
      <c r="O34" s="40"/>
      <c r="P34" s="15"/>
      <c r="Q34" s="35"/>
      <c r="R34" s="36"/>
      <c r="S34" s="37"/>
      <c r="T34" s="15"/>
      <c r="U34" s="14" t="str">
        <f t="shared" si="0"/>
        <v/>
      </c>
      <c r="V34" s="41"/>
      <c r="W34" s="42"/>
      <c r="X34" s="42"/>
      <c r="Y34" s="42"/>
      <c r="Z34" s="42"/>
      <c r="AA34" s="43"/>
    </row>
    <row r="35" spans="2:27" ht="24.95" customHeight="1">
      <c r="B35" s="15">
        <v>19</v>
      </c>
      <c r="C35" s="35"/>
      <c r="D35" s="36"/>
      <c r="E35" s="37"/>
      <c r="F35" s="38"/>
      <c r="G35" s="39"/>
      <c r="H35" s="39"/>
      <c r="I35" s="39"/>
      <c r="J35" s="40"/>
      <c r="K35" s="38"/>
      <c r="L35" s="39"/>
      <c r="M35" s="39"/>
      <c r="N35" s="39"/>
      <c r="O35" s="40"/>
      <c r="P35" s="15"/>
      <c r="Q35" s="35"/>
      <c r="R35" s="36"/>
      <c r="S35" s="37"/>
      <c r="T35" s="15"/>
      <c r="U35" s="14" t="str">
        <f t="shared" si="0"/>
        <v/>
      </c>
      <c r="V35" s="41"/>
      <c r="W35" s="42"/>
      <c r="X35" s="42"/>
      <c r="Y35" s="42"/>
      <c r="Z35" s="42"/>
      <c r="AA35" s="43"/>
    </row>
    <row r="36" spans="2:27" ht="24.95" customHeight="1">
      <c r="B36" s="15">
        <v>20</v>
      </c>
      <c r="C36" s="35"/>
      <c r="D36" s="36"/>
      <c r="E36" s="37"/>
      <c r="F36" s="38"/>
      <c r="G36" s="39"/>
      <c r="H36" s="39"/>
      <c r="I36" s="39"/>
      <c r="J36" s="40"/>
      <c r="K36" s="38"/>
      <c r="L36" s="39"/>
      <c r="M36" s="39"/>
      <c r="N36" s="39"/>
      <c r="O36" s="40"/>
      <c r="P36" s="15"/>
      <c r="Q36" s="35"/>
      <c r="R36" s="36"/>
      <c r="S36" s="37"/>
      <c r="T36" s="15"/>
      <c r="U36" s="14" t="str">
        <f t="shared" si="0"/>
        <v/>
      </c>
      <c r="V36" s="41"/>
      <c r="W36" s="42"/>
      <c r="X36" s="42"/>
      <c r="Y36" s="42"/>
      <c r="Z36" s="42"/>
      <c r="AA36" s="43"/>
    </row>
    <row r="37" spans="2:27" ht="24.95" customHeight="1">
      <c r="B37" s="15">
        <v>21</v>
      </c>
      <c r="C37" s="35"/>
      <c r="D37" s="36"/>
      <c r="E37" s="37"/>
      <c r="F37" s="38"/>
      <c r="G37" s="39"/>
      <c r="H37" s="39"/>
      <c r="I37" s="39"/>
      <c r="J37" s="40"/>
      <c r="K37" s="38"/>
      <c r="L37" s="39"/>
      <c r="M37" s="39"/>
      <c r="N37" s="39"/>
      <c r="O37" s="40"/>
      <c r="P37" s="15"/>
      <c r="Q37" s="35"/>
      <c r="R37" s="36"/>
      <c r="S37" s="37"/>
      <c r="T37" s="15"/>
      <c r="U37" s="14" t="str">
        <f t="shared" si="0"/>
        <v/>
      </c>
      <c r="V37" s="41"/>
      <c r="W37" s="42"/>
      <c r="X37" s="42"/>
      <c r="Y37" s="42"/>
      <c r="Z37" s="42"/>
      <c r="AA37" s="43"/>
    </row>
    <row r="38" spans="2:27" ht="24.95" customHeight="1">
      <c r="B38" s="15">
        <v>22</v>
      </c>
      <c r="C38" s="35"/>
      <c r="D38" s="36"/>
      <c r="E38" s="37"/>
      <c r="F38" s="38"/>
      <c r="G38" s="39"/>
      <c r="H38" s="39"/>
      <c r="I38" s="39"/>
      <c r="J38" s="40"/>
      <c r="K38" s="38"/>
      <c r="L38" s="39"/>
      <c r="M38" s="39"/>
      <c r="N38" s="39"/>
      <c r="O38" s="40"/>
      <c r="P38" s="15"/>
      <c r="Q38" s="35"/>
      <c r="R38" s="36"/>
      <c r="S38" s="37"/>
      <c r="T38" s="15"/>
      <c r="U38" s="14" t="str">
        <f t="shared" si="0"/>
        <v/>
      </c>
      <c r="V38" s="41"/>
      <c r="W38" s="42"/>
      <c r="X38" s="42"/>
      <c r="Y38" s="42"/>
      <c r="Z38" s="42"/>
      <c r="AA38" s="43"/>
    </row>
    <row r="39" spans="2:27" ht="24.95" customHeight="1">
      <c r="B39" s="15">
        <v>23</v>
      </c>
      <c r="C39" s="35"/>
      <c r="D39" s="36"/>
      <c r="E39" s="37"/>
      <c r="F39" s="38"/>
      <c r="G39" s="39"/>
      <c r="H39" s="39"/>
      <c r="I39" s="39"/>
      <c r="J39" s="40"/>
      <c r="K39" s="38"/>
      <c r="L39" s="39"/>
      <c r="M39" s="39"/>
      <c r="N39" s="39"/>
      <c r="O39" s="40"/>
      <c r="P39" s="15"/>
      <c r="Q39" s="35"/>
      <c r="R39" s="36"/>
      <c r="S39" s="37"/>
      <c r="T39" s="15"/>
      <c r="U39" s="14" t="str">
        <f t="shared" si="0"/>
        <v/>
      </c>
      <c r="V39" s="41"/>
      <c r="W39" s="42"/>
      <c r="X39" s="42"/>
      <c r="Y39" s="42"/>
      <c r="Z39" s="42"/>
      <c r="AA39" s="43"/>
    </row>
    <row r="40" spans="2:27" ht="24.95" customHeight="1">
      <c r="B40" s="15">
        <v>24</v>
      </c>
      <c r="C40" s="35"/>
      <c r="D40" s="36"/>
      <c r="E40" s="37"/>
      <c r="F40" s="38"/>
      <c r="G40" s="39"/>
      <c r="H40" s="39"/>
      <c r="I40" s="39"/>
      <c r="J40" s="40"/>
      <c r="K40" s="38"/>
      <c r="L40" s="39"/>
      <c r="M40" s="39"/>
      <c r="N40" s="39"/>
      <c r="O40" s="40"/>
      <c r="P40" s="15"/>
      <c r="Q40" s="35"/>
      <c r="R40" s="36"/>
      <c r="S40" s="37"/>
      <c r="T40" s="15"/>
      <c r="U40" s="14" t="str">
        <f t="shared" si="0"/>
        <v/>
      </c>
      <c r="V40" s="41"/>
      <c r="W40" s="42"/>
      <c r="X40" s="42"/>
      <c r="Y40" s="42"/>
      <c r="Z40" s="42"/>
      <c r="AA40" s="43"/>
    </row>
    <row r="41" spans="2:27" ht="24.95" customHeight="1">
      <c r="B41" s="15">
        <v>25</v>
      </c>
      <c r="C41" s="35"/>
      <c r="D41" s="36"/>
      <c r="E41" s="37"/>
      <c r="F41" s="38"/>
      <c r="G41" s="39"/>
      <c r="H41" s="39"/>
      <c r="I41" s="39"/>
      <c r="J41" s="40"/>
      <c r="K41" s="38"/>
      <c r="L41" s="39"/>
      <c r="M41" s="39"/>
      <c r="N41" s="39"/>
      <c r="O41" s="40"/>
      <c r="P41" s="15"/>
      <c r="Q41" s="35"/>
      <c r="R41" s="36"/>
      <c r="S41" s="37"/>
      <c r="T41" s="15"/>
      <c r="U41" s="14" t="str">
        <f t="shared" si="0"/>
        <v/>
      </c>
      <c r="V41" s="41"/>
      <c r="W41" s="42"/>
      <c r="X41" s="42"/>
      <c r="Y41" s="42"/>
      <c r="Z41" s="42"/>
      <c r="AA41" s="43"/>
    </row>
    <row r="42" spans="2:27" ht="24.95" customHeight="1">
      <c r="B42" s="15">
        <v>26</v>
      </c>
      <c r="C42" s="35"/>
      <c r="D42" s="36"/>
      <c r="E42" s="37"/>
      <c r="F42" s="38"/>
      <c r="G42" s="39"/>
      <c r="H42" s="39"/>
      <c r="I42" s="39"/>
      <c r="J42" s="40"/>
      <c r="K42" s="38"/>
      <c r="L42" s="39"/>
      <c r="M42" s="39"/>
      <c r="N42" s="39"/>
      <c r="O42" s="40"/>
      <c r="P42" s="15"/>
      <c r="Q42" s="35"/>
      <c r="R42" s="36"/>
      <c r="S42" s="37"/>
      <c r="T42" s="15"/>
      <c r="U42" s="14" t="str">
        <f t="shared" si="0"/>
        <v/>
      </c>
      <c r="V42" s="41"/>
      <c r="W42" s="42"/>
      <c r="X42" s="42"/>
      <c r="Y42" s="42"/>
      <c r="Z42" s="42"/>
      <c r="AA42" s="43"/>
    </row>
    <row r="43" spans="2:27" ht="24.95" customHeight="1">
      <c r="B43" s="15">
        <v>27</v>
      </c>
      <c r="C43" s="35"/>
      <c r="D43" s="36"/>
      <c r="E43" s="37"/>
      <c r="F43" s="38"/>
      <c r="G43" s="39"/>
      <c r="H43" s="39"/>
      <c r="I43" s="39"/>
      <c r="J43" s="40"/>
      <c r="K43" s="38"/>
      <c r="L43" s="39"/>
      <c r="M43" s="39"/>
      <c r="N43" s="39"/>
      <c r="O43" s="40"/>
      <c r="P43" s="15"/>
      <c r="Q43" s="35"/>
      <c r="R43" s="36"/>
      <c r="S43" s="37"/>
      <c r="T43" s="15"/>
      <c r="U43" s="14" t="str">
        <f t="shared" si="0"/>
        <v/>
      </c>
      <c r="V43" s="41"/>
      <c r="W43" s="42"/>
      <c r="X43" s="42"/>
      <c r="Y43" s="42"/>
      <c r="Z43" s="42"/>
      <c r="AA43" s="43"/>
    </row>
    <row r="44" spans="2:27" ht="24.95" customHeight="1">
      <c r="B44" s="15">
        <v>28</v>
      </c>
      <c r="C44" s="35"/>
      <c r="D44" s="36"/>
      <c r="E44" s="37"/>
      <c r="F44" s="38"/>
      <c r="G44" s="39"/>
      <c r="H44" s="39"/>
      <c r="I44" s="39"/>
      <c r="J44" s="40"/>
      <c r="K44" s="38"/>
      <c r="L44" s="39"/>
      <c r="M44" s="39"/>
      <c r="N44" s="39"/>
      <c r="O44" s="40"/>
      <c r="P44" s="15"/>
      <c r="Q44" s="35"/>
      <c r="R44" s="36"/>
      <c r="S44" s="37"/>
      <c r="T44" s="15"/>
      <c r="U44" s="14" t="str">
        <f t="shared" si="0"/>
        <v/>
      </c>
      <c r="V44" s="41"/>
      <c r="W44" s="42"/>
      <c r="X44" s="42"/>
      <c r="Y44" s="42"/>
      <c r="Z44" s="42"/>
      <c r="AA44" s="43"/>
    </row>
    <row r="45" spans="2:27" ht="24.95" customHeight="1">
      <c r="B45" s="15">
        <v>29</v>
      </c>
      <c r="C45" s="35"/>
      <c r="D45" s="36"/>
      <c r="E45" s="37"/>
      <c r="F45" s="38"/>
      <c r="G45" s="39"/>
      <c r="H45" s="39"/>
      <c r="I45" s="39"/>
      <c r="J45" s="40"/>
      <c r="K45" s="38"/>
      <c r="L45" s="39"/>
      <c r="M45" s="39"/>
      <c r="N45" s="39"/>
      <c r="O45" s="40"/>
      <c r="P45" s="15"/>
      <c r="Q45" s="35"/>
      <c r="R45" s="36"/>
      <c r="S45" s="37"/>
      <c r="T45" s="15"/>
      <c r="U45" s="14" t="str">
        <f t="shared" si="0"/>
        <v/>
      </c>
      <c r="V45" s="41"/>
      <c r="W45" s="42"/>
      <c r="X45" s="42"/>
      <c r="Y45" s="42"/>
      <c r="Z45" s="42"/>
      <c r="AA45" s="43"/>
    </row>
    <row r="46" spans="2:27" ht="24.95" customHeight="1">
      <c r="B46" s="15">
        <v>30</v>
      </c>
      <c r="C46" s="35"/>
      <c r="D46" s="36"/>
      <c r="E46" s="37"/>
      <c r="F46" s="38"/>
      <c r="G46" s="39"/>
      <c r="H46" s="39"/>
      <c r="I46" s="39"/>
      <c r="J46" s="40"/>
      <c r="K46" s="38"/>
      <c r="L46" s="39"/>
      <c r="M46" s="39"/>
      <c r="N46" s="39"/>
      <c r="O46" s="40"/>
      <c r="P46" s="15"/>
      <c r="Q46" s="35"/>
      <c r="R46" s="36"/>
      <c r="S46" s="37"/>
      <c r="T46" s="15"/>
      <c r="U46" s="14" t="str">
        <f t="shared" si="0"/>
        <v/>
      </c>
      <c r="V46" s="41"/>
      <c r="W46" s="42"/>
      <c r="X46" s="42"/>
      <c r="Y46" s="42"/>
      <c r="Z46" s="42"/>
      <c r="AA46" s="43"/>
    </row>
    <row r="47" spans="2:27" ht="24.95" customHeight="1">
      <c r="B47" s="15">
        <v>31</v>
      </c>
      <c r="C47" s="35"/>
      <c r="D47" s="36"/>
      <c r="E47" s="37"/>
      <c r="F47" s="38"/>
      <c r="G47" s="39"/>
      <c r="H47" s="39"/>
      <c r="I47" s="39"/>
      <c r="J47" s="40"/>
      <c r="K47" s="38"/>
      <c r="L47" s="39"/>
      <c r="M47" s="39"/>
      <c r="N47" s="39"/>
      <c r="O47" s="40"/>
      <c r="P47" s="15"/>
      <c r="Q47" s="35"/>
      <c r="R47" s="36"/>
      <c r="S47" s="37"/>
      <c r="T47" s="15"/>
      <c r="U47" s="14" t="str">
        <f t="shared" si="0"/>
        <v/>
      </c>
      <c r="V47" s="41"/>
      <c r="W47" s="42"/>
      <c r="X47" s="42"/>
      <c r="Y47" s="42"/>
      <c r="Z47" s="42"/>
      <c r="AA47" s="43"/>
    </row>
    <row r="48" spans="2:27" ht="24.95" customHeight="1">
      <c r="B48" s="15">
        <v>32</v>
      </c>
      <c r="C48" s="35"/>
      <c r="D48" s="36"/>
      <c r="E48" s="37"/>
      <c r="F48" s="38"/>
      <c r="G48" s="39"/>
      <c r="H48" s="39"/>
      <c r="I48" s="39"/>
      <c r="J48" s="40"/>
      <c r="K48" s="38"/>
      <c r="L48" s="39"/>
      <c r="M48" s="39"/>
      <c r="N48" s="39"/>
      <c r="O48" s="40"/>
      <c r="P48" s="15"/>
      <c r="Q48" s="35"/>
      <c r="R48" s="36"/>
      <c r="S48" s="37"/>
      <c r="T48" s="15"/>
      <c r="U48" s="14" t="str">
        <f t="shared" si="0"/>
        <v/>
      </c>
      <c r="V48" s="41"/>
      <c r="W48" s="42"/>
      <c r="X48" s="42"/>
      <c r="Y48" s="42"/>
      <c r="Z48" s="42"/>
      <c r="AA48" s="43"/>
    </row>
    <row r="49" spans="2:27" ht="24.95" customHeight="1">
      <c r="B49" s="15">
        <v>33</v>
      </c>
      <c r="C49" s="35"/>
      <c r="D49" s="36"/>
      <c r="E49" s="37"/>
      <c r="F49" s="38"/>
      <c r="G49" s="39"/>
      <c r="H49" s="39"/>
      <c r="I49" s="39"/>
      <c r="J49" s="40"/>
      <c r="K49" s="38"/>
      <c r="L49" s="39"/>
      <c r="M49" s="39"/>
      <c r="N49" s="39"/>
      <c r="O49" s="40"/>
      <c r="P49" s="15"/>
      <c r="Q49" s="35"/>
      <c r="R49" s="36"/>
      <c r="S49" s="37"/>
      <c r="T49" s="15"/>
      <c r="U49" s="14" t="str">
        <f t="shared" si="0"/>
        <v/>
      </c>
      <c r="V49" s="41"/>
      <c r="W49" s="42"/>
      <c r="X49" s="42"/>
      <c r="Y49" s="42"/>
      <c r="Z49" s="42"/>
      <c r="AA49" s="43"/>
    </row>
    <row r="50" spans="2:27" ht="24.95" customHeight="1">
      <c r="B50" s="15">
        <v>34</v>
      </c>
      <c r="C50" s="35"/>
      <c r="D50" s="36"/>
      <c r="E50" s="37"/>
      <c r="F50" s="38"/>
      <c r="G50" s="39"/>
      <c r="H50" s="39"/>
      <c r="I50" s="39"/>
      <c r="J50" s="40"/>
      <c r="K50" s="38"/>
      <c r="L50" s="39"/>
      <c r="M50" s="39"/>
      <c r="N50" s="39"/>
      <c r="O50" s="40"/>
      <c r="P50" s="15"/>
      <c r="Q50" s="35"/>
      <c r="R50" s="36"/>
      <c r="S50" s="37"/>
      <c r="T50" s="15"/>
      <c r="U50" s="14" t="str">
        <f t="shared" si="0"/>
        <v/>
      </c>
      <c r="V50" s="41"/>
      <c r="W50" s="42"/>
      <c r="X50" s="42"/>
      <c r="Y50" s="42"/>
      <c r="Z50" s="42"/>
      <c r="AA50" s="43"/>
    </row>
    <row r="51" spans="2:27" ht="24.95" customHeight="1">
      <c r="B51" s="15">
        <v>35</v>
      </c>
      <c r="C51" s="35"/>
      <c r="D51" s="36"/>
      <c r="E51" s="37"/>
      <c r="F51" s="38"/>
      <c r="G51" s="39"/>
      <c r="H51" s="39"/>
      <c r="I51" s="39"/>
      <c r="J51" s="40"/>
      <c r="K51" s="38"/>
      <c r="L51" s="39"/>
      <c r="M51" s="39"/>
      <c r="N51" s="39"/>
      <c r="O51" s="40"/>
      <c r="P51" s="15"/>
      <c r="Q51" s="35"/>
      <c r="R51" s="36"/>
      <c r="S51" s="37"/>
      <c r="T51" s="15"/>
      <c r="U51" s="14" t="str">
        <f t="shared" si="0"/>
        <v/>
      </c>
      <c r="V51" s="41"/>
      <c r="W51" s="42"/>
      <c r="X51" s="42"/>
      <c r="Y51" s="42"/>
      <c r="Z51" s="42"/>
      <c r="AA51" s="43"/>
    </row>
    <row r="52" spans="2:27" ht="24.95" customHeight="1">
      <c r="B52" s="15">
        <v>36</v>
      </c>
      <c r="C52" s="35"/>
      <c r="D52" s="36"/>
      <c r="E52" s="37"/>
      <c r="F52" s="38"/>
      <c r="G52" s="39"/>
      <c r="H52" s="39"/>
      <c r="I52" s="39"/>
      <c r="J52" s="40"/>
      <c r="K52" s="38"/>
      <c r="L52" s="39"/>
      <c r="M52" s="39"/>
      <c r="N52" s="39"/>
      <c r="O52" s="40"/>
      <c r="P52" s="15"/>
      <c r="Q52" s="35"/>
      <c r="R52" s="36"/>
      <c r="S52" s="37"/>
      <c r="T52" s="15"/>
      <c r="U52" s="14" t="str">
        <f t="shared" si="0"/>
        <v/>
      </c>
      <c r="V52" s="41"/>
      <c r="W52" s="42"/>
      <c r="X52" s="42"/>
      <c r="Y52" s="42"/>
      <c r="Z52" s="42"/>
      <c r="AA52" s="43"/>
    </row>
    <row r="53" spans="2:27" ht="24.95" customHeight="1">
      <c r="B53" s="15">
        <v>37</v>
      </c>
      <c r="C53" s="35"/>
      <c r="D53" s="36"/>
      <c r="E53" s="37"/>
      <c r="F53" s="38"/>
      <c r="G53" s="39"/>
      <c r="H53" s="39"/>
      <c r="I53" s="39"/>
      <c r="J53" s="40"/>
      <c r="K53" s="38"/>
      <c r="L53" s="39"/>
      <c r="M53" s="39"/>
      <c r="N53" s="39"/>
      <c r="O53" s="40"/>
      <c r="P53" s="15"/>
      <c r="Q53" s="35"/>
      <c r="R53" s="36"/>
      <c r="S53" s="37"/>
      <c r="T53" s="15"/>
      <c r="U53" s="14" t="str">
        <f t="shared" si="0"/>
        <v/>
      </c>
      <c r="V53" s="41"/>
      <c r="W53" s="42"/>
      <c r="X53" s="42"/>
      <c r="Y53" s="42"/>
      <c r="Z53" s="42"/>
      <c r="AA53" s="43"/>
    </row>
    <row r="54" spans="2:27" ht="24.95" customHeight="1">
      <c r="B54" s="15">
        <v>38</v>
      </c>
      <c r="C54" s="35"/>
      <c r="D54" s="36"/>
      <c r="E54" s="37"/>
      <c r="F54" s="38"/>
      <c r="G54" s="39"/>
      <c r="H54" s="39"/>
      <c r="I54" s="39"/>
      <c r="J54" s="40"/>
      <c r="K54" s="38"/>
      <c r="L54" s="39"/>
      <c r="M54" s="39"/>
      <c r="N54" s="39"/>
      <c r="O54" s="40"/>
      <c r="P54" s="15"/>
      <c r="Q54" s="35"/>
      <c r="R54" s="36"/>
      <c r="S54" s="37"/>
      <c r="T54" s="15"/>
      <c r="U54" s="14" t="str">
        <f t="shared" si="0"/>
        <v/>
      </c>
      <c r="V54" s="41"/>
      <c r="W54" s="42"/>
      <c r="X54" s="42"/>
      <c r="Y54" s="42"/>
      <c r="Z54" s="42"/>
      <c r="AA54" s="43"/>
    </row>
    <row r="55" spans="2:27" ht="24.95" customHeight="1">
      <c r="B55" s="15">
        <v>39</v>
      </c>
      <c r="C55" s="35"/>
      <c r="D55" s="36"/>
      <c r="E55" s="37"/>
      <c r="F55" s="38"/>
      <c r="G55" s="39"/>
      <c r="H55" s="39"/>
      <c r="I55" s="39"/>
      <c r="J55" s="40"/>
      <c r="K55" s="38"/>
      <c r="L55" s="39"/>
      <c r="M55" s="39"/>
      <c r="N55" s="39"/>
      <c r="O55" s="40"/>
      <c r="P55" s="15"/>
      <c r="Q55" s="35"/>
      <c r="R55" s="36"/>
      <c r="S55" s="37"/>
      <c r="T55" s="15"/>
      <c r="U55" s="14" t="str">
        <f t="shared" si="0"/>
        <v/>
      </c>
      <c r="V55" s="41"/>
      <c r="W55" s="42"/>
      <c r="X55" s="42"/>
      <c r="Y55" s="42"/>
      <c r="Z55" s="42"/>
      <c r="AA55" s="43"/>
    </row>
    <row r="56" spans="2:27" ht="24.95" customHeight="1">
      <c r="B56" s="15">
        <v>40</v>
      </c>
      <c r="C56" s="35"/>
      <c r="D56" s="36"/>
      <c r="E56" s="37"/>
      <c r="F56" s="38"/>
      <c r="G56" s="39"/>
      <c r="H56" s="39"/>
      <c r="I56" s="39"/>
      <c r="J56" s="40"/>
      <c r="K56" s="38"/>
      <c r="L56" s="39"/>
      <c r="M56" s="39"/>
      <c r="N56" s="39"/>
      <c r="O56" s="40"/>
      <c r="P56" s="15"/>
      <c r="Q56" s="35"/>
      <c r="R56" s="36"/>
      <c r="S56" s="37"/>
      <c r="T56" s="15"/>
      <c r="U56" s="14" t="str">
        <f t="shared" si="0"/>
        <v/>
      </c>
      <c r="V56" s="41"/>
      <c r="W56" s="42"/>
      <c r="X56" s="42"/>
      <c r="Y56" s="42"/>
      <c r="Z56" s="42"/>
      <c r="AA56" s="43"/>
    </row>
    <row r="57" spans="2:27" ht="24.95" customHeight="1">
      <c r="B57" s="15">
        <v>41</v>
      </c>
      <c r="C57" s="35"/>
      <c r="D57" s="36"/>
      <c r="E57" s="37"/>
      <c r="F57" s="38"/>
      <c r="G57" s="39"/>
      <c r="H57" s="39"/>
      <c r="I57" s="39"/>
      <c r="J57" s="40"/>
      <c r="K57" s="38"/>
      <c r="L57" s="39"/>
      <c r="M57" s="39"/>
      <c r="N57" s="39"/>
      <c r="O57" s="40"/>
      <c r="P57" s="15"/>
      <c r="Q57" s="35"/>
      <c r="R57" s="36"/>
      <c r="S57" s="37"/>
      <c r="T57" s="15"/>
      <c r="U57" s="14" t="str">
        <f>IF(ISBLANK($T57),"",IF(T57&gt;=75,"合","否"))</f>
        <v/>
      </c>
      <c r="V57" s="41"/>
      <c r="W57" s="42"/>
      <c r="X57" s="42"/>
      <c r="Y57" s="42"/>
      <c r="Z57" s="42"/>
      <c r="AA57" s="43"/>
    </row>
    <row r="58" spans="2:27" ht="24.95" customHeight="1">
      <c r="B58" s="15">
        <v>42</v>
      </c>
      <c r="C58" s="35"/>
      <c r="D58" s="36"/>
      <c r="E58" s="37"/>
      <c r="F58" s="38"/>
      <c r="G58" s="39"/>
      <c r="H58" s="39"/>
      <c r="I58" s="39"/>
      <c r="J58" s="40"/>
      <c r="K58" s="38"/>
      <c r="L58" s="39"/>
      <c r="M58" s="39"/>
      <c r="N58" s="39"/>
      <c r="O58" s="40"/>
      <c r="P58" s="15"/>
      <c r="Q58" s="35"/>
      <c r="R58" s="36"/>
      <c r="S58" s="37"/>
      <c r="T58" s="15"/>
      <c r="U58" s="14" t="str">
        <f t="shared" ref="U58:U96" si="1">IF(ISBLANK($T58),"",IF(T58&gt;=75,"合","否"))</f>
        <v/>
      </c>
      <c r="V58" s="41"/>
      <c r="W58" s="42"/>
      <c r="X58" s="42"/>
      <c r="Y58" s="42"/>
      <c r="Z58" s="42"/>
      <c r="AA58" s="43"/>
    </row>
    <row r="59" spans="2:27" ht="24.95" customHeight="1">
      <c r="B59" s="15">
        <v>43</v>
      </c>
      <c r="C59" s="35"/>
      <c r="D59" s="36"/>
      <c r="E59" s="37"/>
      <c r="F59" s="38"/>
      <c r="G59" s="39"/>
      <c r="H59" s="39"/>
      <c r="I59" s="39"/>
      <c r="J59" s="40"/>
      <c r="K59" s="38"/>
      <c r="L59" s="39"/>
      <c r="M59" s="39"/>
      <c r="N59" s="39"/>
      <c r="O59" s="40"/>
      <c r="P59" s="15"/>
      <c r="Q59" s="35"/>
      <c r="R59" s="36"/>
      <c r="S59" s="37"/>
      <c r="T59" s="15"/>
      <c r="U59" s="14" t="str">
        <f t="shared" si="1"/>
        <v/>
      </c>
      <c r="V59" s="41"/>
      <c r="W59" s="42"/>
      <c r="X59" s="42"/>
      <c r="Y59" s="42"/>
      <c r="Z59" s="42"/>
      <c r="AA59" s="43"/>
    </row>
    <row r="60" spans="2:27" ht="24.95" customHeight="1">
      <c r="B60" s="15">
        <v>44</v>
      </c>
      <c r="C60" s="35"/>
      <c r="D60" s="36"/>
      <c r="E60" s="37"/>
      <c r="F60" s="38"/>
      <c r="G60" s="39"/>
      <c r="H60" s="39"/>
      <c r="I60" s="39"/>
      <c r="J60" s="40"/>
      <c r="K60" s="38"/>
      <c r="L60" s="39"/>
      <c r="M60" s="39"/>
      <c r="N60" s="39"/>
      <c r="O60" s="40"/>
      <c r="P60" s="15"/>
      <c r="Q60" s="35"/>
      <c r="R60" s="36"/>
      <c r="S60" s="37"/>
      <c r="T60" s="15"/>
      <c r="U60" s="14" t="str">
        <f t="shared" si="1"/>
        <v/>
      </c>
      <c r="V60" s="41"/>
      <c r="W60" s="42"/>
      <c r="X60" s="42"/>
      <c r="Y60" s="42"/>
      <c r="Z60" s="42"/>
      <c r="AA60" s="43"/>
    </row>
    <row r="61" spans="2:27" ht="24.95" customHeight="1">
      <c r="B61" s="15">
        <v>45</v>
      </c>
      <c r="C61" s="35"/>
      <c r="D61" s="36"/>
      <c r="E61" s="37"/>
      <c r="F61" s="38"/>
      <c r="G61" s="39"/>
      <c r="H61" s="39"/>
      <c r="I61" s="39"/>
      <c r="J61" s="40"/>
      <c r="K61" s="38"/>
      <c r="L61" s="39"/>
      <c r="M61" s="39"/>
      <c r="N61" s="39"/>
      <c r="O61" s="40"/>
      <c r="P61" s="15"/>
      <c r="Q61" s="35"/>
      <c r="R61" s="36"/>
      <c r="S61" s="37"/>
      <c r="T61" s="15"/>
      <c r="U61" s="14" t="str">
        <f t="shared" si="1"/>
        <v/>
      </c>
      <c r="V61" s="41"/>
      <c r="W61" s="42"/>
      <c r="X61" s="42"/>
      <c r="Y61" s="42"/>
      <c r="Z61" s="42"/>
      <c r="AA61" s="43"/>
    </row>
    <row r="62" spans="2:27" ht="24.95" customHeight="1">
      <c r="B62" s="15">
        <v>46</v>
      </c>
      <c r="C62" s="35"/>
      <c r="D62" s="36"/>
      <c r="E62" s="37"/>
      <c r="F62" s="38"/>
      <c r="G62" s="39"/>
      <c r="H62" s="39"/>
      <c r="I62" s="39"/>
      <c r="J62" s="40"/>
      <c r="K62" s="38"/>
      <c r="L62" s="39"/>
      <c r="M62" s="39"/>
      <c r="N62" s="39"/>
      <c r="O62" s="40"/>
      <c r="P62" s="15"/>
      <c r="Q62" s="35"/>
      <c r="R62" s="36"/>
      <c r="S62" s="37"/>
      <c r="T62" s="15"/>
      <c r="U62" s="14" t="str">
        <f t="shared" si="1"/>
        <v/>
      </c>
      <c r="V62" s="41"/>
      <c r="W62" s="42"/>
      <c r="X62" s="42"/>
      <c r="Y62" s="42"/>
      <c r="Z62" s="42"/>
      <c r="AA62" s="43"/>
    </row>
    <row r="63" spans="2:27" ht="24.95" customHeight="1">
      <c r="B63" s="15">
        <v>47</v>
      </c>
      <c r="C63" s="35"/>
      <c r="D63" s="36"/>
      <c r="E63" s="37"/>
      <c r="F63" s="38"/>
      <c r="G63" s="39"/>
      <c r="H63" s="39"/>
      <c r="I63" s="39"/>
      <c r="J63" s="40"/>
      <c r="K63" s="38"/>
      <c r="L63" s="39"/>
      <c r="M63" s="39"/>
      <c r="N63" s="39"/>
      <c r="O63" s="40"/>
      <c r="P63" s="15"/>
      <c r="Q63" s="35"/>
      <c r="R63" s="36"/>
      <c r="S63" s="37"/>
      <c r="T63" s="15"/>
      <c r="U63" s="14" t="str">
        <f t="shared" si="1"/>
        <v/>
      </c>
      <c r="V63" s="41"/>
      <c r="W63" s="42"/>
      <c r="X63" s="42"/>
      <c r="Y63" s="42"/>
      <c r="Z63" s="42"/>
      <c r="AA63" s="43"/>
    </row>
    <row r="64" spans="2:27" ht="24.95" customHeight="1">
      <c r="B64" s="15">
        <v>48</v>
      </c>
      <c r="C64" s="35"/>
      <c r="D64" s="36"/>
      <c r="E64" s="37"/>
      <c r="F64" s="38"/>
      <c r="G64" s="39"/>
      <c r="H64" s="39"/>
      <c r="I64" s="39"/>
      <c r="J64" s="40"/>
      <c r="K64" s="38"/>
      <c r="L64" s="39"/>
      <c r="M64" s="39"/>
      <c r="N64" s="39"/>
      <c r="O64" s="40"/>
      <c r="P64" s="15"/>
      <c r="Q64" s="35"/>
      <c r="R64" s="36"/>
      <c r="S64" s="37"/>
      <c r="T64" s="15"/>
      <c r="U64" s="14" t="str">
        <f t="shared" si="1"/>
        <v/>
      </c>
      <c r="V64" s="41"/>
      <c r="W64" s="42"/>
      <c r="X64" s="42"/>
      <c r="Y64" s="42"/>
      <c r="Z64" s="42"/>
      <c r="AA64" s="43"/>
    </row>
    <row r="65" spans="2:27" ht="24.95" customHeight="1">
      <c r="B65" s="15">
        <v>49</v>
      </c>
      <c r="C65" s="35"/>
      <c r="D65" s="36"/>
      <c r="E65" s="37"/>
      <c r="F65" s="38"/>
      <c r="G65" s="39"/>
      <c r="H65" s="39"/>
      <c r="I65" s="39"/>
      <c r="J65" s="40"/>
      <c r="K65" s="38"/>
      <c r="L65" s="39"/>
      <c r="M65" s="39"/>
      <c r="N65" s="39"/>
      <c r="O65" s="40"/>
      <c r="P65" s="15"/>
      <c r="Q65" s="35"/>
      <c r="R65" s="36"/>
      <c r="S65" s="37"/>
      <c r="T65" s="15"/>
      <c r="U65" s="14" t="str">
        <f t="shared" si="1"/>
        <v/>
      </c>
      <c r="V65" s="41"/>
      <c r="W65" s="42"/>
      <c r="X65" s="42"/>
      <c r="Y65" s="42"/>
      <c r="Z65" s="42"/>
      <c r="AA65" s="43"/>
    </row>
    <row r="66" spans="2:27" ht="24.95" customHeight="1">
      <c r="B66" s="15">
        <v>50</v>
      </c>
      <c r="C66" s="35"/>
      <c r="D66" s="36"/>
      <c r="E66" s="37"/>
      <c r="F66" s="38"/>
      <c r="G66" s="39"/>
      <c r="H66" s="39"/>
      <c r="I66" s="39"/>
      <c r="J66" s="40"/>
      <c r="K66" s="38"/>
      <c r="L66" s="39"/>
      <c r="M66" s="39"/>
      <c r="N66" s="39"/>
      <c r="O66" s="40"/>
      <c r="P66" s="15"/>
      <c r="Q66" s="35"/>
      <c r="R66" s="36"/>
      <c r="S66" s="37"/>
      <c r="T66" s="15"/>
      <c r="U66" s="14" t="str">
        <f t="shared" si="1"/>
        <v/>
      </c>
      <c r="V66" s="41"/>
      <c r="W66" s="42"/>
      <c r="X66" s="42"/>
      <c r="Y66" s="42"/>
      <c r="Z66" s="42"/>
      <c r="AA66" s="43"/>
    </row>
    <row r="67" spans="2:27" ht="24.95" customHeight="1">
      <c r="B67" s="15">
        <v>51</v>
      </c>
      <c r="C67" s="35"/>
      <c r="D67" s="36"/>
      <c r="E67" s="37"/>
      <c r="F67" s="38"/>
      <c r="G67" s="39"/>
      <c r="H67" s="39"/>
      <c r="I67" s="39"/>
      <c r="J67" s="40"/>
      <c r="K67" s="38"/>
      <c r="L67" s="39"/>
      <c r="M67" s="39"/>
      <c r="N67" s="39"/>
      <c r="O67" s="40"/>
      <c r="P67" s="15"/>
      <c r="Q67" s="35"/>
      <c r="R67" s="36"/>
      <c r="S67" s="37"/>
      <c r="T67" s="15"/>
      <c r="U67" s="14" t="str">
        <f t="shared" si="1"/>
        <v/>
      </c>
      <c r="V67" s="41"/>
      <c r="W67" s="42"/>
      <c r="X67" s="42"/>
      <c r="Y67" s="42"/>
      <c r="Z67" s="42"/>
      <c r="AA67" s="43"/>
    </row>
    <row r="68" spans="2:27" ht="24.95" customHeight="1">
      <c r="B68" s="15">
        <v>52</v>
      </c>
      <c r="C68" s="35"/>
      <c r="D68" s="36"/>
      <c r="E68" s="37"/>
      <c r="F68" s="38"/>
      <c r="G68" s="39"/>
      <c r="H68" s="39"/>
      <c r="I68" s="39"/>
      <c r="J68" s="40"/>
      <c r="K68" s="38"/>
      <c r="L68" s="39"/>
      <c r="M68" s="39"/>
      <c r="N68" s="39"/>
      <c r="O68" s="40"/>
      <c r="P68" s="15"/>
      <c r="Q68" s="35"/>
      <c r="R68" s="36"/>
      <c r="S68" s="37"/>
      <c r="T68" s="15"/>
      <c r="U68" s="14" t="str">
        <f t="shared" si="1"/>
        <v/>
      </c>
      <c r="V68" s="41"/>
      <c r="W68" s="42"/>
      <c r="X68" s="42"/>
      <c r="Y68" s="42"/>
      <c r="Z68" s="42"/>
      <c r="AA68" s="43"/>
    </row>
    <row r="69" spans="2:27" ht="24.95" customHeight="1">
      <c r="B69" s="15">
        <v>53</v>
      </c>
      <c r="C69" s="35"/>
      <c r="D69" s="36"/>
      <c r="E69" s="37"/>
      <c r="F69" s="38"/>
      <c r="G69" s="39"/>
      <c r="H69" s="39"/>
      <c r="I69" s="39"/>
      <c r="J69" s="40"/>
      <c r="K69" s="38"/>
      <c r="L69" s="39"/>
      <c r="M69" s="39"/>
      <c r="N69" s="39"/>
      <c r="O69" s="40"/>
      <c r="P69" s="15"/>
      <c r="Q69" s="35"/>
      <c r="R69" s="36"/>
      <c r="S69" s="37"/>
      <c r="T69" s="15"/>
      <c r="U69" s="14" t="str">
        <f t="shared" si="1"/>
        <v/>
      </c>
      <c r="V69" s="41"/>
      <c r="W69" s="42"/>
      <c r="X69" s="42"/>
      <c r="Y69" s="42"/>
      <c r="Z69" s="42"/>
      <c r="AA69" s="43"/>
    </row>
    <row r="70" spans="2:27" ht="24.95" customHeight="1">
      <c r="B70" s="15">
        <v>54</v>
      </c>
      <c r="C70" s="35"/>
      <c r="D70" s="36"/>
      <c r="E70" s="37"/>
      <c r="F70" s="38"/>
      <c r="G70" s="39"/>
      <c r="H70" s="39"/>
      <c r="I70" s="39"/>
      <c r="J70" s="40"/>
      <c r="K70" s="38"/>
      <c r="L70" s="39"/>
      <c r="M70" s="39"/>
      <c r="N70" s="39"/>
      <c r="O70" s="40"/>
      <c r="P70" s="15"/>
      <c r="Q70" s="35"/>
      <c r="R70" s="36"/>
      <c r="S70" s="37"/>
      <c r="T70" s="15"/>
      <c r="U70" s="14" t="str">
        <f t="shared" si="1"/>
        <v/>
      </c>
      <c r="V70" s="41"/>
      <c r="W70" s="42"/>
      <c r="X70" s="42"/>
      <c r="Y70" s="42"/>
      <c r="Z70" s="42"/>
      <c r="AA70" s="43"/>
    </row>
    <row r="71" spans="2:27" ht="24.95" customHeight="1">
      <c r="B71" s="15">
        <v>55</v>
      </c>
      <c r="C71" s="35"/>
      <c r="D71" s="36"/>
      <c r="E71" s="37"/>
      <c r="F71" s="38"/>
      <c r="G71" s="39"/>
      <c r="H71" s="39"/>
      <c r="I71" s="39"/>
      <c r="J71" s="40"/>
      <c r="K71" s="38"/>
      <c r="L71" s="39"/>
      <c r="M71" s="39"/>
      <c r="N71" s="39"/>
      <c r="O71" s="40"/>
      <c r="P71" s="15"/>
      <c r="Q71" s="35"/>
      <c r="R71" s="36"/>
      <c r="S71" s="37"/>
      <c r="T71" s="15"/>
      <c r="U71" s="14" t="str">
        <f t="shared" si="1"/>
        <v/>
      </c>
      <c r="V71" s="41"/>
      <c r="W71" s="42"/>
      <c r="X71" s="42"/>
      <c r="Y71" s="42"/>
      <c r="Z71" s="42"/>
      <c r="AA71" s="43"/>
    </row>
    <row r="72" spans="2:27" ht="24.95" customHeight="1">
      <c r="B72" s="15">
        <v>56</v>
      </c>
      <c r="C72" s="35"/>
      <c r="D72" s="36"/>
      <c r="E72" s="37"/>
      <c r="F72" s="38"/>
      <c r="G72" s="39"/>
      <c r="H72" s="39"/>
      <c r="I72" s="39"/>
      <c r="J72" s="40"/>
      <c r="K72" s="38"/>
      <c r="L72" s="39"/>
      <c r="M72" s="39"/>
      <c r="N72" s="39"/>
      <c r="O72" s="40"/>
      <c r="P72" s="15"/>
      <c r="Q72" s="35"/>
      <c r="R72" s="36"/>
      <c r="S72" s="37"/>
      <c r="T72" s="15"/>
      <c r="U72" s="14" t="str">
        <f t="shared" si="1"/>
        <v/>
      </c>
      <c r="V72" s="41"/>
      <c r="W72" s="42"/>
      <c r="X72" s="42"/>
      <c r="Y72" s="42"/>
      <c r="Z72" s="42"/>
      <c r="AA72" s="43"/>
    </row>
    <row r="73" spans="2:27" ht="24.95" customHeight="1">
      <c r="B73" s="15">
        <v>57</v>
      </c>
      <c r="C73" s="35"/>
      <c r="D73" s="36"/>
      <c r="E73" s="37"/>
      <c r="F73" s="38"/>
      <c r="G73" s="39"/>
      <c r="H73" s="39"/>
      <c r="I73" s="39"/>
      <c r="J73" s="40"/>
      <c r="K73" s="38"/>
      <c r="L73" s="39"/>
      <c r="M73" s="39"/>
      <c r="N73" s="39"/>
      <c r="O73" s="40"/>
      <c r="P73" s="15"/>
      <c r="Q73" s="35"/>
      <c r="R73" s="36"/>
      <c r="S73" s="37"/>
      <c r="T73" s="15"/>
      <c r="U73" s="14" t="str">
        <f t="shared" si="1"/>
        <v/>
      </c>
      <c r="V73" s="41"/>
      <c r="W73" s="42"/>
      <c r="X73" s="42"/>
      <c r="Y73" s="42"/>
      <c r="Z73" s="42"/>
      <c r="AA73" s="43"/>
    </row>
    <row r="74" spans="2:27" ht="24.95" customHeight="1">
      <c r="B74" s="15">
        <v>58</v>
      </c>
      <c r="C74" s="35"/>
      <c r="D74" s="36"/>
      <c r="E74" s="37"/>
      <c r="F74" s="38"/>
      <c r="G74" s="39"/>
      <c r="H74" s="39"/>
      <c r="I74" s="39"/>
      <c r="J74" s="40"/>
      <c r="K74" s="38"/>
      <c r="L74" s="39"/>
      <c r="M74" s="39"/>
      <c r="N74" s="39"/>
      <c r="O74" s="40"/>
      <c r="P74" s="15"/>
      <c r="Q74" s="35"/>
      <c r="R74" s="36"/>
      <c r="S74" s="37"/>
      <c r="T74" s="15"/>
      <c r="U74" s="14" t="str">
        <f t="shared" si="1"/>
        <v/>
      </c>
      <c r="V74" s="41"/>
      <c r="W74" s="42"/>
      <c r="X74" s="42"/>
      <c r="Y74" s="42"/>
      <c r="Z74" s="42"/>
      <c r="AA74" s="43"/>
    </row>
    <row r="75" spans="2:27" ht="24.95" customHeight="1">
      <c r="B75" s="15">
        <v>59</v>
      </c>
      <c r="C75" s="35"/>
      <c r="D75" s="36"/>
      <c r="E75" s="37"/>
      <c r="F75" s="38"/>
      <c r="G75" s="39"/>
      <c r="H75" s="39"/>
      <c r="I75" s="39"/>
      <c r="J75" s="40"/>
      <c r="K75" s="38"/>
      <c r="L75" s="39"/>
      <c r="M75" s="39"/>
      <c r="N75" s="39"/>
      <c r="O75" s="40"/>
      <c r="P75" s="15"/>
      <c r="Q75" s="35"/>
      <c r="R75" s="36"/>
      <c r="S75" s="37"/>
      <c r="T75" s="15"/>
      <c r="U75" s="14" t="str">
        <f t="shared" si="1"/>
        <v/>
      </c>
      <c r="V75" s="41"/>
      <c r="W75" s="42"/>
      <c r="X75" s="42"/>
      <c r="Y75" s="42"/>
      <c r="Z75" s="42"/>
      <c r="AA75" s="43"/>
    </row>
    <row r="76" spans="2:27" ht="24.95" customHeight="1">
      <c r="B76" s="15">
        <v>60</v>
      </c>
      <c r="C76" s="35"/>
      <c r="D76" s="36"/>
      <c r="E76" s="37"/>
      <c r="F76" s="38"/>
      <c r="G76" s="39"/>
      <c r="H76" s="39"/>
      <c r="I76" s="39"/>
      <c r="J76" s="40"/>
      <c r="K76" s="38"/>
      <c r="L76" s="39"/>
      <c r="M76" s="39"/>
      <c r="N76" s="39"/>
      <c r="O76" s="40"/>
      <c r="P76" s="15"/>
      <c r="Q76" s="35"/>
      <c r="R76" s="36"/>
      <c r="S76" s="37"/>
      <c r="T76" s="15"/>
      <c r="U76" s="14" t="str">
        <f t="shared" si="1"/>
        <v/>
      </c>
      <c r="V76" s="41"/>
      <c r="W76" s="42"/>
      <c r="X76" s="42"/>
      <c r="Y76" s="42"/>
      <c r="Z76" s="42"/>
      <c r="AA76" s="43"/>
    </row>
    <row r="77" spans="2:27" ht="24.95" customHeight="1">
      <c r="B77" s="15">
        <v>61</v>
      </c>
      <c r="C77" s="35"/>
      <c r="D77" s="36"/>
      <c r="E77" s="37"/>
      <c r="F77" s="38"/>
      <c r="G77" s="39"/>
      <c r="H77" s="39"/>
      <c r="I77" s="39"/>
      <c r="J77" s="40"/>
      <c r="K77" s="38"/>
      <c r="L77" s="39"/>
      <c r="M77" s="39"/>
      <c r="N77" s="39"/>
      <c r="O77" s="40"/>
      <c r="P77" s="15"/>
      <c r="Q77" s="35"/>
      <c r="R77" s="36"/>
      <c r="S77" s="37"/>
      <c r="T77" s="15"/>
      <c r="U77" s="14" t="str">
        <f t="shared" si="1"/>
        <v/>
      </c>
      <c r="V77" s="41"/>
      <c r="W77" s="42"/>
      <c r="X77" s="42"/>
      <c r="Y77" s="42"/>
      <c r="Z77" s="42"/>
      <c r="AA77" s="43"/>
    </row>
    <row r="78" spans="2:27" ht="24.95" customHeight="1">
      <c r="B78" s="15">
        <v>62</v>
      </c>
      <c r="C78" s="35"/>
      <c r="D78" s="36"/>
      <c r="E78" s="37"/>
      <c r="F78" s="38"/>
      <c r="G78" s="39"/>
      <c r="H78" s="39"/>
      <c r="I78" s="39"/>
      <c r="J78" s="40"/>
      <c r="K78" s="38"/>
      <c r="L78" s="39"/>
      <c r="M78" s="39"/>
      <c r="N78" s="39"/>
      <c r="O78" s="40"/>
      <c r="P78" s="15"/>
      <c r="Q78" s="35"/>
      <c r="R78" s="36"/>
      <c r="S78" s="37"/>
      <c r="T78" s="15"/>
      <c r="U78" s="14" t="str">
        <f t="shared" si="1"/>
        <v/>
      </c>
      <c r="V78" s="41"/>
      <c r="W78" s="42"/>
      <c r="X78" s="42"/>
      <c r="Y78" s="42"/>
      <c r="Z78" s="42"/>
      <c r="AA78" s="43"/>
    </row>
    <row r="79" spans="2:27" ht="24.95" customHeight="1">
      <c r="B79" s="15">
        <v>63</v>
      </c>
      <c r="C79" s="35"/>
      <c r="D79" s="36"/>
      <c r="E79" s="37"/>
      <c r="F79" s="38"/>
      <c r="G79" s="39"/>
      <c r="H79" s="39"/>
      <c r="I79" s="39"/>
      <c r="J79" s="40"/>
      <c r="K79" s="38"/>
      <c r="L79" s="39"/>
      <c r="M79" s="39"/>
      <c r="N79" s="39"/>
      <c r="O79" s="40"/>
      <c r="P79" s="15"/>
      <c r="Q79" s="35"/>
      <c r="R79" s="36"/>
      <c r="S79" s="37"/>
      <c r="T79" s="15"/>
      <c r="U79" s="14" t="str">
        <f t="shared" si="1"/>
        <v/>
      </c>
      <c r="V79" s="41"/>
      <c r="W79" s="42"/>
      <c r="X79" s="42"/>
      <c r="Y79" s="42"/>
      <c r="Z79" s="42"/>
      <c r="AA79" s="43"/>
    </row>
    <row r="80" spans="2:27" ht="24.95" customHeight="1">
      <c r="B80" s="15">
        <v>64</v>
      </c>
      <c r="C80" s="35"/>
      <c r="D80" s="36"/>
      <c r="E80" s="37"/>
      <c r="F80" s="38"/>
      <c r="G80" s="39"/>
      <c r="H80" s="39"/>
      <c r="I80" s="39"/>
      <c r="J80" s="40"/>
      <c r="K80" s="38"/>
      <c r="L80" s="39"/>
      <c r="M80" s="39"/>
      <c r="N80" s="39"/>
      <c r="O80" s="40"/>
      <c r="P80" s="15"/>
      <c r="Q80" s="35"/>
      <c r="R80" s="36"/>
      <c r="S80" s="37"/>
      <c r="T80" s="15"/>
      <c r="U80" s="14" t="str">
        <f t="shared" si="1"/>
        <v/>
      </c>
      <c r="V80" s="41"/>
      <c r="W80" s="42"/>
      <c r="X80" s="42"/>
      <c r="Y80" s="42"/>
      <c r="Z80" s="42"/>
      <c r="AA80" s="43"/>
    </row>
    <row r="81" spans="2:27" ht="24.95" customHeight="1">
      <c r="B81" s="15">
        <v>65</v>
      </c>
      <c r="C81" s="35"/>
      <c r="D81" s="36"/>
      <c r="E81" s="37"/>
      <c r="F81" s="38"/>
      <c r="G81" s="39"/>
      <c r="H81" s="39"/>
      <c r="I81" s="39"/>
      <c r="J81" s="40"/>
      <c r="K81" s="38"/>
      <c r="L81" s="39"/>
      <c r="M81" s="39"/>
      <c r="N81" s="39"/>
      <c r="O81" s="40"/>
      <c r="P81" s="15"/>
      <c r="Q81" s="35"/>
      <c r="R81" s="36"/>
      <c r="S81" s="37"/>
      <c r="T81" s="15"/>
      <c r="U81" s="14" t="str">
        <f t="shared" si="1"/>
        <v/>
      </c>
      <c r="V81" s="41"/>
      <c r="W81" s="42"/>
      <c r="X81" s="42"/>
      <c r="Y81" s="42"/>
      <c r="Z81" s="42"/>
      <c r="AA81" s="43"/>
    </row>
    <row r="82" spans="2:27" ht="24.95" customHeight="1">
      <c r="B82" s="15">
        <v>66</v>
      </c>
      <c r="C82" s="35"/>
      <c r="D82" s="36"/>
      <c r="E82" s="37"/>
      <c r="F82" s="38"/>
      <c r="G82" s="39"/>
      <c r="H82" s="39"/>
      <c r="I82" s="39"/>
      <c r="J82" s="40"/>
      <c r="K82" s="38"/>
      <c r="L82" s="39"/>
      <c r="M82" s="39"/>
      <c r="N82" s="39"/>
      <c r="O82" s="40"/>
      <c r="P82" s="15"/>
      <c r="Q82" s="35"/>
      <c r="R82" s="36"/>
      <c r="S82" s="37"/>
      <c r="T82" s="15"/>
      <c r="U82" s="14" t="str">
        <f t="shared" si="1"/>
        <v/>
      </c>
      <c r="V82" s="41"/>
      <c r="W82" s="42"/>
      <c r="X82" s="42"/>
      <c r="Y82" s="42"/>
      <c r="Z82" s="42"/>
      <c r="AA82" s="43"/>
    </row>
    <row r="83" spans="2:27" ht="24.95" customHeight="1">
      <c r="B83" s="15">
        <v>67</v>
      </c>
      <c r="C83" s="35"/>
      <c r="D83" s="36"/>
      <c r="E83" s="37"/>
      <c r="F83" s="38"/>
      <c r="G83" s="39"/>
      <c r="H83" s="39"/>
      <c r="I83" s="39"/>
      <c r="J83" s="40"/>
      <c r="K83" s="38"/>
      <c r="L83" s="39"/>
      <c r="M83" s="39"/>
      <c r="N83" s="39"/>
      <c r="O83" s="40"/>
      <c r="P83" s="15"/>
      <c r="Q83" s="35"/>
      <c r="R83" s="36"/>
      <c r="S83" s="37"/>
      <c r="T83" s="15"/>
      <c r="U83" s="14" t="str">
        <f t="shared" si="1"/>
        <v/>
      </c>
      <c r="V83" s="41"/>
      <c r="W83" s="42"/>
      <c r="X83" s="42"/>
      <c r="Y83" s="42"/>
      <c r="Z83" s="42"/>
      <c r="AA83" s="43"/>
    </row>
    <row r="84" spans="2:27" ht="24.95" customHeight="1">
      <c r="B84" s="15">
        <v>68</v>
      </c>
      <c r="C84" s="35"/>
      <c r="D84" s="36"/>
      <c r="E84" s="37"/>
      <c r="F84" s="38"/>
      <c r="G84" s="39"/>
      <c r="H84" s="39"/>
      <c r="I84" s="39"/>
      <c r="J84" s="40"/>
      <c r="K84" s="38"/>
      <c r="L84" s="39"/>
      <c r="M84" s="39"/>
      <c r="N84" s="39"/>
      <c r="O84" s="40"/>
      <c r="P84" s="15"/>
      <c r="Q84" s="35"/>
      <c r="R84" s="36"/>
      <c r="S84" s="37"/>
      <c r="T84" s="15"/>
      <c r="U84" s="14" t="str">
        <f t="shared" si="1"/>
        <v/>
      </c>
      <c r="V84" s="41"/>
      <c r="W84" s="42"/>
      <c r="X84" s="42"/>
      <c r="Y84" s="42"/>
      <c r="Z84" s="42"/>
      <c r="AA84" s="43"/>
    </row>
    <row r="85" spans="2:27" ht="24.95" customHeight="1">
      <c r="B85" s="15">
        <v>69</v>
      </c>
      <c r="C85" s="35"/>
      <c r="D85" s="36"/>
      <c r="E85" s="37"/>
      <c r="F85" s="38"/>
      <c r="G85" s="39"/>
      <c r="H85" s="39"/>
      <c r="I85" s="39"/>
      <c r="J85" s="40"/>
      <c r="K85" s="38"/>
      <c r="L85" s="39"/>
      <c r="M85" s="39"/>
      <c r="N85" s="39"/>
      <c r="O85" s="40"/>
      <c r="P85" s="15"/>
      <c r="Q85" s="35"/>
      <c r="R85" s="36"/>
      <c r="S85" s="37"/>
      <c r="T85" s="15"/>
      <c r="U85" s="14" t="str">
        <f t="shared" si="1"/>
        <v/>
      </c>
      <c r="V85" s="41"/>
      <c r="W85" s="42"/>
      <c r="X85" s="42"/>
      <c r="Y85" s="42"/>
      <c r="Z85" s="42"/>
      <c r="AA85" s="43"/>
    </row>
    <row r="86" spans="2:27" ht="24.95" customHeight="1">
      <c r="B86" s="15">
        <v>70</v>
      </c>
      <c r="C86" s="35"/>
      <c r="D86" s="36"/>
      <c r="E86" s="37"/>
      <c r="F86" s="38"/>
      <c r="G86" s="39"/>
      <c r="H86" s="39"/>
      <c r="I86" s="39"/>
      <c r="J86" s="40"/>
      <c r="K86" s="38"/>
      <c r="L86" s="39"/>
      <c r="M86" s="39"/>
      <c r="N86" s="39"/>
      <c r="O86" s="40"/>
      <c r="P86" s="15"/>
      <c r="Q86" s="35"/>
      <c r="R86" s="36"/>
      <c r="S86" s="37"/>
      <c r="T86" s="15"/>
      <c r="U86" s="14" t="str">
        <f t="shared" si="1"/>
        <v/>
      </c>
      <c r="V86" s="41"/>
      <c r="W86" s="42"/>
      <c r="X86" s="42"/>
      <c r="Y86" s="42"/>
      <c r="Z86" s="42"/>
      <c r="AA86" s="43"/>
    </row>
    <row r="87" spans="2:27" ht="24.95" customHeight="1">
      <c r="B87" s="15">
        <v>71</v>
      </c>
      <c r="C87" s="35"/>
      <c r="D87" s="36"/>
      <c r="E87" s="37"/>
      <c r="F87" s="38"/>
      <c r="G87" s="39"/>
      <c r="H87" s="39"/>
      <c r="I87" s="39"/>
      <c r="J87" s="40"/>
      <c r="K87" s="38"/>
      <c r="L87" s="39"/>
      <c r="M87" s="39"/>
      <c r="N87" s="39"/>
      <c r="O87" s="40"/>
      <c r="P87" s="15"/>
      <c r="Q87" s="35"/>
      <c r="R87" s="36"/>
      <c r="S87" s="37"/>
      <c r="T87" s="15"/>
      <c r="U87" s="14" t="str">
        <f t="shared" si="1"/>
        <v/>
      </c>
      <c r="V87" s="41"/>
      <c r="W87" s="42"/>
      <c r="X87" s="42"/>
      <c r="Y87" s="42"/>
      <c r="Z87" s="42"/>
      <c r="AA87" s="43"/>
    </row>
    <row r="88" spans="2:27" ht="24.95" customHeight="1">
      <c r="B88" s="15">
        <v>72</v>
      </c>
      <c r="C88" s="35"/>
      <c r="D88" s="36"/>
      <c r="E88" s="37"/>
      <c r="F88" s="38"/>
      <c r="G88" s="39"/>
      <c r="H88" s="39"/>
      <c r="I88" s="39"/>
      <c r="J88" s="40"/>
      <c r="K88" s="38"/>
      <c r="L88" s="39"/>
      <c r="M88" s="39"/>
      <c r="N88" s="39"/>
      <c r="O88" s="40"/>
      <c r="P88" s="15"/>
      <c r="Q88" s="35"/>
      <c r="R88" s="36"/>
      <c r="S88" s="37"/>
      <c r="T88" s="15"/>
      <c r="U88" s="14" t="str">
        <f t="shared" si="1"/>
        <v/>
      </c>
      <c r="V88" s="41"/>
      <c r="W88" s="42"/>
      <c r="X88" s="42"/>
      <c r="Y88" s="42"/>
      <c r="Z88" s="42"/>
      <c r="AA88" s="43"/>
    </row>
    <row r="89" spans="2:27" ht="24.95" customHeight="1">
      <c r="B89" s="15">
        <v>73</v>
      </c>
      <c r="C89" s="35"/>
      <c r="D89" s="36"/>
      <c r="E89" s="37"/>
      <c r="F89" s="38"/>
      <c r="G89" s="39"/>
      <c r="H89" s="39"/>
      <c r="I89" s="39"/>
      <c r="J89" s="40"/>
      <c r="K89" s="38"/>
      <c r="L89" s="39"/>
      <c r="M89" s="39"/>
      <c r="N89" s="39"/>
      <c r="O89" s="40"/>
      <c r="P89" s="15"/>
      <c r="Q89" s="35"/>
      <c r="R89" s="36"/>
      <c r="S89" s="37"/>
      <c r="T89" s="15"/>
      <c r="U89" s="14" t="str">
        <f t="shared" si="1"/>
        <v/>
      </c>
      <c r="V89" s="41"/>
      <c r="W89" s="42"/>
      <c r="X89" s="42"/>
      <c r="Y89" s="42"/>
      <c r="Z89" s="42"/>
      <c r="AA89" s="43"/>
    </row>
    <row r="90" spans="2:27" ht="24.95" customHeight="1">
      <c r="B90" s="15">
        <v>74</v>
      </c>
      <c r="C90" s="35"/>
      <c r="D90" s="36"/>
      <c r="E90" s="37"/>
      <c r="F90" s="38"/>
      <c r="G90" s="39"/>
      <c r="H90" s="39"/>
      <c r="I90" s="39"/>
      <c r="J90" s="40"/>
      <c r="K90" s="38"/>
      <c r="L90" s="39"/>
      <c r="M90" s="39"/>
      <c r="N90" s="39"/>
      <c r="O90" s="40"/>
      <c r="P90" s="15"/>
      <c r="Q90" s="35"/>
      <c r="R90" s="36"/>
      <c r="S90" s="37"/>
      <c r="T90" s="15"/>
      <c r="U90" s="14" t="str">
        <f t="shared" si="1"/>
        <v/>
      </c>
      <c r="V90" s="41"/>
      <c r="W90" s="42"/>
      <c r="X90" s="42"/>
      <c r="Y90" s="42"/>
      <c r="Z90" s="42"/>
      <c r="AA90" s="43"/>
    </row>
    <row r="91" spans="2:27" ht="24.95" customHeight="1">
      <c r="B91" s="15">
        <v>75</v>
      </c>
      <c r="C91" s="35"/>
      <c r="D91" s="36"/>
      <c r="E91" s="37"/>
      <c r="F91" s="38"/>
      <c r="G91" s="39"/>
      <c r="H91" s="39"/>
      <c r="I91" s="39"/>
      <c r="J91" s="40"/>
      <c r="K91" s="38"/>
      <c r="L91" s="39"/>
      <c r="M91" s="39"/>
      <c r="N91" s="39"/>
      <c r="O91" s="40"/>
      <c r="P91" s="15"/>
      <c r="Q91" s="35"/>
      <c r="R91" s="36"/>
      <c r="S91" s="37"/>
      <c r="T91" s="15"/>
      <c r="U91" s="14" t="str">
        <f t="shared" si="1"/>
        <v/>
      </c>
      <c r="V91" s="41"/>
      <c r="W91" s="42"/>
      <c r="X91" s="42"/>
      <c r="Y91" s="42"/>
      <c r="Z91" s="42"/>
      <c r="AA91" s="43"/>
    </row>
    <row r="92" spans="2:27" ht="24.95" customHeight="1">
      <c r="B92" s="15">
        <v>76</v>
      </c>
      <c r="C92" s="35"/>
      <c r="D92" s="36"/>
      <c r="E92" s="37"/>
      <c r="F92" s="38"/>
      <c r="G92" s="39"/>
      <c r="H92" s="39"/>
      <c r="I92" s="39"/>
      <c r="J92" s="40"/>
      <c r="K92" s="38"/>
      <c r="L92" s="39"/>
      <c r="M92" s="39"/>
      <c r="N92" s="39"/>
      <c r="O92" s="40"/>
      <c r="P92" s="15"/>
      <c r="Q92" s="35"/>
      <c r="R92" s="36"/>
      <c r="S92" s="37"/>
      <c r="T92" s="15"/>
      <c r="U92" s="14" t="str">
        <f t="shared" si="1"/>
        <v/>
      </c>
      <c r="V92" s="41"/>
      <c r="W92" s="42"/>
      <c r="X92" s="42"/>
      <c r="Y92" s="42"/>
      <c r="Z92" s="42"/>
      <c r="AA92" s="43"/>
    </row>
    <row r="93" spans="2:27" ht="24.95" customHeight="1">
      <c r="B93" s="15">
        <v>77</v>
      </c>
      <c r="C93" s="35"/>
      <c r="D93" s="36"/>
      <c r="E93" s="37"/>
      <c r="F93" s="38"/>
      <c r="G93" s="39"/>
      <c r="H93" s="39"/>
      <c r="I93" s="39"/>
      <c r="J93" s="40"/>
      <c r="K93" s="38"/>
      <c r="L93" s="39"/>
      <c r="M93" s="39"/>
      <c r="N93" s="39"/>
      <c r="O93" s="40"/>
      <c r="P93" s="15"/>
      <c r="Q93" s="35"/>
      <c r="R93" s="36"/>
      <c r="S93" s="37"/>
      <c r="T93" s="15"/>
      <c r="U93" s="14" t="str">
        <f t="shared" si="1"/>
        <v/>
      </c>
      <c r="V93" s="41"/>
      <c r="W93" s="42"/>
      <c r="X93" s="42"/>
      <c r="Y93" s="42"/>
      <c r="Z93" s="42"/>
      <c r="AA93" s="43"/>
    </row>
    <row r="94" spans="2:27" ht="24.95" customHeight="1">
      <c r="B94" s="15">
        <v>78</v>
      </c>
      <c r="C94" s="35"/>
      <c r="D94" s="36"/>
      <c r="E94" s="37"/>
      <c r="F94" s="38"/>
      <c r="G94" s="39"/>
      <c r="H94" s="39"/>
      <c r="I94" s="39"/>
      <c r="J94" s="40"/>
      <c r="K94" s="38"/>
      <c r="L94" s="39"/>
      <c r="M94" s="39"/>
      <c r="N94" s="39"/>
      <c r="O94" s="40"/>
      <c r="P94" s="15"/>
      <c r="Q94" s="35"/>
      <c r="R94" s="36"/>
      <c r="S94" s="37"/>
      <c r="T94" s="15"/>
      <c r="U94" s="14" t="str">
        <f t="shared" si="1"/>
        <v/>
      </c>
      <c r="V94" s="41"/>
      <c r="W94" s="42"/>
      <c r="X94" s="42"/>
      <c r="Y94" s="42"/>
      <c r="Z94" s="42"/>
      <c r="AA94" s="43"/>
    </row>
    <row r="95" spans="2:27" ht="24.95" customHeight="1">
      <c r="B95" s="15">
        <v>79</v>
      </c>
      <c r="C95" s="35"/>
      <c r="D95" s="36"/>
      <c r="E95" s="37"/>
      <c r="F95" s="38"/>
      <c r="G95" s="39"/>
      <c r="H95" s="39"/>
      <c r="I95" s="39"/>
      <c r="J95" s="40"/>
      <c r="K95" s="38"/>
      <c r="L95" s="39"/>
      <c r="M95" s="39"/>
      <c r="N95" s="39"/>
      <c r="O95" s="40"/>
      <c r="P95" s="15"/>
      <c r="Q95" s="35"/>
      <c r="R95" s="36"/>
      <c r="S95" s="37"/>
      <c r="T95" s="15"/>
      <c r="U95" s="14" t="str">
        <f t="shared" si="1"/>
        <v/>
      </c>
      <c r="V95" s="41"/>
      <c r="W95" s="42"/>
      <c r="X95" s="42"/>
      <c r="Y95" s="42"/>
      <c r="Z95" s="42"/>
      <c r="AA95" s="43"/>
    </row>
    <row r="96" spans="2:27" ht="24.95" customHeight="1">
      <c r="B96" s="15">
        <v>80</v>
      </c>
      <c r="C96" s="35"/>
      <c r="D96" s="36"/>
      <c r="E96" s="37"/>
      <c r="F96" s="38"/>
      <c r="G96" s="39"/>
      <c r="H96" s="39"/>
      <c r="I96" s="39"/>
      <c r="J96" s="40"/>
      <c r="K96" s="38"/>
      <c r="L96" s="39"/>
      <c r="M96" s="39"/>
      <c r="N96" s="39"/>
      <c r="O96" s="40"/>
      <c r="P96" s="15"/>
      <c r="Q96" s="35"/>
      <c r="R96" s="36"/>
      <c r="S96" s="37"/>
      <c r="T96" s="15"/>
      <c r="U96" s="14" t="str">
        <f t="shared" si="1"/>
        <v/>
      </c>
      <c r="V96" s="41"/>
      <c r="W96" s="42"/>
      <c r="X96" s="42"/>
      <c r="Y96" s="42"/>
      <c r="Z96" s="42"/>
      <c r="AA96" s="43"/>
    </row>
    <row r="101" spans="11:15">
      <c r="K101" s="17"/>
      <c r="L101" s="17"/>
      <c r="M101" s="17"/>
      <c r="N101" s="17"/>
      <c r="O101" s="17"/>
    </row>
  </sheetData>
  <mergeCells count="419">
    <mergeCell ref="C55:E55"/>
    <mergeCell ref="F55:J55"/>
    <mergeCell ref="K55:O55"/>
    <mergeCell ref="Q55:S55"/>
    <mergeCell ref="V55:AA55"/>
    <mergeCell ref="C56:E56"/>
    <mergeCell ref="F56:J56"/>
    <mergeCell ref="K56:O56"/>
    <mergeCell ref="Q56:S56"/>
    <mergeCell ref="V56:AA56"/>
    <mergeCell ref="C53:E53"/>
    <mergeCell ref="F53:J53"/>
    <mergeCell ref="K53:O53"/>
    <mergeCell ref="Q53:S53"/>
    <mergeCell ref="V53:AA53"/>
    <mergeCell ref="C54:E54"/>
    <mergeCell ref="F54:J54"/>
    <mergeCell ref="K54:O54"/>
    <mergeCell ref="Q54:S54"/>
    <mergeCell ref="V54:AA54"/>
    <mergeCell ref="C51:E51"/>
    <mergeCell ref="F51:J51"/>
    <mergeCell ref="K51:O51"/>
    <mergeCell ref="Q51:S51"/>
    <mergeCell ref="V51:AA51"/>
    <mergeCell ref="C52:E52"/>
    <mergeCell ref="F52:J52"/>
    <mergeCell ref="K52:O52"/>
    <mergeCell ref="Q52:S52"/>
    <mergeCell ref="V52:AA52"/>
    <mergeCell ref="C49:E49"/>
    <mergeCell ref="F49:J49"/>
    <mergeCell ref="K49:O49"/>
    <mergeCell ref="Q49:S49"/>
    <mergeCell ref="V49:AA49"/>
    <mergeCell ref="C50:E50"/>
    <mergeCell ref="F50:J50"/>
    <mergeCell ref="K50:O50"/>
    <mergeCell ref="Q50:S50"/>
    <mergeCell ref="V50:AA50"/>
    <mergeCell ref="C47:E47"/>
    <mergeCell ref="F47:J47"/>
    <mergeCell ref="K47:O47"/>
    <mergeCell ref="Q47:S47"/>
    <mergeCell ref="V47:AA47"/>
    <mergeCell ref="C48:E48"/>
    <mergeCell ref="F48:J48"/>
    <mergeCell ref="K48:O48"/>
    <mergeCell ref="Q48:S48"/>
    <mergeCell ref="V48:AA48"/>
    <mergeCell ref="C45:E45"/>
    <mergeCell ref="F45:J45"/>
    <mergeCell ref="K45:O45"/>
    <mergeCell ref="Q45:S45"/>
    <mergeCell ref="V45:AA45"/>
    <mergeCell ref="C46:E46"/>
    <mergeCell ref="F46:J46"/>
    <mergeCell ref="K46:O46"/>
    <mergeCell ref="Q46:S46"/>
    <mergeCell ref="V46:AA46"/>
    <mergeCell ref="C43:E43"/>
    <mergeCell ref="F43:J43"/>
    <mergeCell ref="K43:O43"/>
    <mergeCell ref="Q43:S43"/>
    <mergeCell ref="V43:AA43"/>
    <mergeCell ref="C44:E44"/>
    <mergeCell ref="F44:J44"/>
    <mergeCell ref="K44:O44"/>
    <mergeCell ref="Q44:S44"/>
    <mergeCell ref="V44:AA44"/>
    <mergeCell ref="C41:E41"/>
    <mergeCell ref="F41:J41"/>
    <mergeCell ref="K41:O41"/>
    <mergeCell ref="Q41:S41"/>
    <mergeCell ref="V41:AA41"/>
    <mergeCell ref="C42:E42"/>
    <mergeCell ref="F42:J42"/>
    <mergeCell ref="K42:O42"/>
    <mergeCell ref="Q42:S42"/>
    <mergeCell ref="V42:AA42"/>
    <mergeCell ref="C39:E39"/>
    <mergeCell ref="F39:J39"/>
    <mergeCell ref="K39:O39"/>
    <mergeCell ref="Q39:S39"/>
    <mergeCell ref="V39:AA39"/>
    <mergeCell ref="C40:E40"/>
    <mergeCell ref="F40:J40"/>
    <mergeCell ref="K40:O40"/>
    <mergeCell ref="Q40:S40"/>
    <mergeCell ref="V40:AA40"/>
    <mergeCell ref="C37:E37"/>
    <mergeCell ref="F37:J37"/>
    <mergeCell ref="K37:O37"/>
    <mergeCell ref="Q37:S37"/>
    <mergeCell ref="V37:AA37"/>
    <mergeCell ref="C38:E38"/>
    <mergeCell ref="F38:J38"/>
    <mergeCell ref="K38:O38"/>
    <mergeCell ref="Q38:S38"/>
    <mergeCell ref="V38:AA38"/>
    <mergeCell ref="C35:E35"/>
    <mergeCell ref="F35:J35"/>
    <mergeCell ref="K35:O35"/>
    <mergeCell ref="Q35:S35"/>
    <mergeCell ref="V35:AA35"/>
    <mergeCell ref="C36:E36"/>
    <mergeCell ref="F36:J36"/>
    <mergeCell ref="K36:O36"/>
    <mergeCell ref="Q36:S36"/>
    <mergeCell ref="V36:AA36"/>
    <mergeCell ref="C33:E33"/>
    <mergeCell ref="F33:J33"/>
    <mergeCell ref="K33:O33"/>
    <mergeCell ref="Q33:S33"/>
    <mergeCell ref="V33:AA33"/>
    <mergeCell ref="C34:E34"/>
    <mergeCell ref="F34:J34"/>
    <mergeCell ref="K34:O34"/>
    <mergeCell ref="Q34:S34"/>
    <mergeCell ref="V34:AA34"/>
    <mergeCell ref="C31:E31"/>
    <mergeCell ref="F31:J31"/>
    <mergeCell ref="K31:O31"/>
    <mergeCell ref="Q31:S31"/>
    <mergeCell ref="V31:AA31"/>
    <mergeCell ref="C32:E32"/>
    <mergeCell ref="F32:J32"/>
    <mergeCell ref="K32:O32"/>
    <mergeCell ref="Q32:S32"/>
    <mergeCell ref="V32:AA32"/>
    <mergeCell ref="C29:E29"/>
    <mergeCell ref="F29:J29"/>
    <mergeCell ref="K29:O29"/>
    <mergeCell ref="Q29:S29"/>
    <mergeCell ref="V29:AA29"/>
    <mergeCell ref="C30:E30"/>
    <mergeCell ref="F30:J30"/>
    <mergeCell ref="K30:O30"/>
    <mergeCell ref="Q30:S30"/>
    <mergeCell ref="V30:AA30"/>
    <mergeCell ref="C27:E27"/>
    <mergeCell ref="F27:J27"/>
    <mergeCell ref="K27:O27"/>
    <mergeCell ref="Q27:S27"/>
    <mergeCell ref="V27:AA27"/>
    <mergeCell ref="C28:E28"/>
    <mergeCell ref="F28:J28"/>
    <mergeCell ref="K28:O28"/>
    <mergeCell ref="Q28:S28"/>
    <mergeCell ref="V28:AA28"/>
    <mergeCell ref="C25:E25"/>
    <mergeCell ref="F25:J25"/>
    <mergeCell ref="K25:O25"/>
    <mergeCell ref="Q25:S25"/>
    <mergeCell ref="V25:AA25"/>
    <mergeCell ref="C26:E26"/>
    <mergeCell ref="F26:J26"/>
    <mergeCell ref="K26:O26"/>
    <mergeCell ref="Q26:S26"/>
    <mergeCell ref="V26:AA26"/>
    <mergeCell ref="C23:E23"/>
    <mergeCell ref="F23:J23"/>
    <mergeCell ref="K23:O23"/>
    <mergeCell ref="Q23:S23"/>
    <mergeCell ref="V23:AA23"/>
    <mergeCell ref="C24:E24"/>
    <mergeCell ref="F24:J24"/>
    <mergeCell ref="K24:O24"/>
    <mergeCell ref="Q24:S24"/>
    <mergeCell ref="V24:AA24"/>
    <mergeCell ref="C21:E21"/>
    <mergeCell ref="F21:J21"/>
    <mergeCell ref="K21:O21"/>
    <mergeCell ref="Q21:S21"/>
    <mergeCell ref="V21:AA21"/>
    <mergeCell ref="C22:E22"/>
    <mergeCell ref="F22:J22"/>
    <mergeCell ref="K22:O22"/>
    <mergeCell ref="Q22:S22"/>
    <mergeCell ref="V22:AA22"/>
    <mergeCell ref="C19:E19"/>
    <mergeCell ref="F19:J19"/>
    <mergeCell ref="K19:O19"/>
    <mergeCell ref="Q19:S19"/>
    <mergeCell ref="V19:AA19"/>
    <mergeCell ref="C20:E20"/>
    <mergeCell ref="F20:J20"/>
    <mergeCell ref="K20:O20"/>
    <mergeCell ref="Q20:S20"/>
    <mergeCell ref="V20:AA20"/>
    <mergeCell ref="C17:E17"/>
    <mergeCell ref="F17:J17"/>
    <mergeCell ref="K17:O17"/>
    <mergeCell ref="Q17:S17"/>
    <mergeCell ref="V17:AA17"/>
    <mergeCell ref="C18:E18"/>
    <mergeCell ref="F18:J18"/>
    <mergeCell ref="K18:O18"/>
    <mergeCell ref="Q18:S18"/>
    <mergeCell ref="V18:AA18"/>
    <mergeCell ref="B1:AA1"/>
    <mergeCell ref="B2:AA2"/>
    <mergeCell ref="B3:AA3"/>
    <mergeCell ref="B5:E5"/>
    <mergeCell ref="F5:S5"/>
    <mergeCell ref="U5:X5"/>
    <mergeCell ref="C57:E57"/>
    <mergeCell ref="F57:J57"/>
    <mergeCell ref="K57:O57"/>
    <mergeCell ref="Q57:S57"/>
    <mergeCell ref="V57:AA57"/>
    <mergeCell ref="U9:V9"/>
    <mergeCell ref="W9:X9"/>
    <mergeCell ref="C16:E16"/>
    <mergeCell ref="F16:J16"/>
    <mergeCell ref="K16:O16"/>
    <mergeCell ref="Q16:S16"/>
    <mergeCell ref="V16:AA16"/>
    <mergeCell ref="B6:E7"/>
    <mergeCell ref="F6:S7"/>
    <mergeCell ref="U6:V7"/>
    <mergeCell ref="W6:X7"/>
    <mergeCell ref="U8:V8"/>
    <mergeCell ref="W8:X8"/>
    <mergeCell ref="C58:E58"/>
    <mergeCell ref="F58:J58"/>
    <mergeCell ref="K58:O58"/>
    <mergeCell ref="Q58:S58"/>
    <mergeCell ref="V58:AA58"/>
    <mergeCell ref="C59:E59"/>
    <mergeCell ref="F59:J59"/>
    <mergeCell ref="K59:O59"/>
    <mergeCell ref="Q59:S59"/>
    <mergeCell ref="V59:AA59"/>
    <mergeCell ref="C60:E60"/>
    <mergeCell ref="F60:J60"/>
    <mergeCell ref="K60:O60"/>
    <mergeCell ref="Q60:S60"/>
    <mergeCell ref="V60:AA60"/>
    <mergeCell ref="C61:E61"/>
    <mergeCell ref="F61:J61"/>
    <mergeCell ref="K61:O61"/>
    <mergeCell ref="Q61:S61"/>
    <mergeCell ref="V61:AA61"/>
    <mergeCell ref="C62:E62"/>
    <mergeCell ref="F62:J62"/>
    <mergeCell ref="K62:O62"/>
    <mergeCell ref="Q62:S62"/>
    <mergeCell ref="V62:AA62"/>
    <mergeCell ref="C63:E63"/>
    <mergeCell ref="F63:J63"/>
    <mergeCell ref="K63:O63"/>
    <mergeCell ref="Q63:S63"/>
    <mergeCell ref="V63:AA63"/>
    <mergeCell ref="C64:E64"/>
    <mergeCell ref="F64:J64"/>
    <mergeCell ref="K64:O64"/>
    <mergeCell ref="Q64:S64"/>
    <mergeCell ref="V64:AA64"/>
    <mergeCell ref="C65:E65"/>
    <mergeCell ref="F65:J65"/>
    <mergeCell ref="K65:O65"/>
    <mergeCell ref="Q65:S65"/>
    <mergeCell ref="V65:AA65"/>
    <mergeCell ref="C66:E66"/>
    <mergeCell ref="F66:J66"/>
    <mergeCell ref="K66:O66"/>
    <mergeCell ref="Q66:S66"/>
    <mergeCell ref="V66:AA66"/>
    <mergeCell ref="C67:E67"/>
    <mergeCell ref="F67:J67"/>
    <mergeCell ref="K67:O67"/>
    <mergeCell ref="Q67:S67"/>
    <mergeCell ref="V67:AA67"/>
    <mergeCell ref="C68:E68"/>
    <mergeCell ref="F68:J68"/>
    <mergeCell ref="K68:O68"/>
    <mergeCell ref="Q68:S68"/>
    <mergeCell ref="V68:AA68"/>
    <mergeCell ref="C69:E69"/>
    <mergeCell ref="F69:J69"/>
    <mergeCell ref="K69:O69"/>
    <mergeCell ref="Q69:S69"/>
    <mergeCell ref="V69:AA69"/>
    <mergeCell ref="C70:E70"/>
    <mergeCell ref="F70:J70"/>
    <mergeCell ref="K70:O70"/>
    <mergeCell ref="Q70:S70"/>
    <mergeCell ref="V70:AA70"/>
    <mergeCell ref="C71:E71"/>
    <mergeCell ref="F71:J71"/>
    <mergeCell ref="K71:O71"/>
    <mergeCell ref="Q71:S71"/>
    <mergeCell ref="V71:AA71"/>
    <mergeCell ref="C72:E72"/>
    <mergeCell ref="F72:J72"/>
    <mergeCell ref="K72:O72"/>
    <mergeCell ref="Q72:S72"/>
    <mergeCell ref="V72:AA72"/>
    <mergeCell ref="C73:E73"/>
    <mergeCell ref="F73:J73"/>
    <mergeCell ref="K73:O73"/>
    <mergeCell ref="Q73:S73"/>
    <mergeCell ref="V73:AA73"/>
    <mergeCell ref="C74:E74"/>
    <mergeCell ref="F74:J74"/>
    <mergeCell ref="K74:O74"/>
    <mergeCell ref="Q74:S74"/>
    <mergeCell ref="V74:AA74"/>
    <mergeCell ref="C75:E75"/>
    <mergeCell ref="F75:J75"/>
    <mergeCell ref="K75:O75"/>
    <mergeCell ref="Q75:S75"/>
    <mergeCell ref="V75:AA75"/>
    <mergeCell ref="C76:E76"/>
    <mergeCell ref="F76:J76"/>
    <mergeCell ref="K76:O76"/>
    <mergeCell ref="Q76:S76"/>
    <mergeCell ref="V76:AA76"/>
    <mergeCell ref="C77:E77"/>
    <mergeCell ref="F77:J77"/>
    <mergeCell ref="K77:O77"/>
    <mergeCell ref="Q77:S77"/>
    <mergeCell ref="V77:AA77"/>
    <mergeCell ref="C78:E78"/>
    <mergeCell ref="F78:J78"/>
    <mergeCell ref="K78:O78"/>
    <mergeCell ref="Q78:S78"/>
    <mergeCell ref="V78:AA78"/>
    <mergeCell ref="C79:E79"/>
    <mergeCell ref="F79:J79"/>
    <mergeCell ref="K79:O79"/>
    <mergeCell ref="Q79:S79"/>
    <mergeCell ref="V79:AA79"/>
    <mergeCell ref="C80:E80"/>
    <mergeCell ref="F80:J80"/>
    <mergeCell ref="K80:O80"/>
    <mergeCell ref="Q80:S80"/>
    <mergeCell ref="V80:AA80"/>
    <mergeCell ref="C81:E81"/>
    <mergeCell ref="F81:J81"/>
    <mergeCell ref="K81:O81"/>
    <mergeCell ref="Q81:S81"/>
    <mergeCell ref="V81:AA81"/>
    <mergeCell ref="C82:E82"/>
    <mergeCell ref="F82:J82"/>
    <mergeCell ref="K82:O82"/>
    <mergeCell ref="Q82:S82"/>
    <mergeCell ref="V82:AA82"/>
    <mergeCell ref="C83:E83"/>
    <mergeCell ref="F83:J83"/>
    <mergeCell ref="K83:O83"/>
    <mergeCell ref="Q83:S83"/>
    <mergeCell ref="V83:AA83"/>
    <mergeCell ref="C84:E84"/>
    <mergeCell ref="F84:J84"/>
    <mergeCell ref="K84:O84"/>
    <mergeCell ref="Q84:S84"/>
    <mergeCell ref="V84:AA84"/>
    <mergeCell ref="C85:E85"/>
    <mergeCell ref="F85:J85"/>
    <mergeCell ref="K85:O85"/>
    <mergeCell ref="Q85:S85"/>
    <mergeCell ref="V85:AA85"/>
    <mergeCell ref="C86:E86"/>
    <mergeCell ref="F86:J86"/>
    <mergeCell ref="K86:O86"/>
    <mergeCell ref="Q86:S86"/>
    <mergeCell ref="V86:AA86"/>
    <mergeCell ref="C87:E87"/>
    <mergeCell ref="F87:J87"/>
    <mergeCell ref="K87:O87"/>
    <mergeCell ref="Q87:S87"/>
    <mergeCell ref="V87:AA87"/>
    <mergeCell ref="C88:E88"/>
    <mergeCell ref="F88:J88"/>
    <mergeCell ref="K88:O88"/>
    <mergeCell ref="Q88:S88"/>
    <mergeCell ref="V88:AA88"/>
    <mergeCell ref="C89:E89"/>
    <mergeCell ref="F89:J89"/>
    <mergeCell ref="K89:O89"/>
    <mergeCell ref="Q89:S89"/>
    <mergeCell ref="V89:AA89"/>
    <mergeCell ref="C90:E90"/>
    <mergeCell ref="F90:J90"/>
    <mergeCell ref="K90:O90"/>
    <mergeCell ref="Q90:S90"/>
    <mergeCell ref="V90:AA90"/>
    <mergeCell ref="C91:E91"/>
    <mergeCell ref="F91:J91"/>
    <mergeCell ref="K91:O91"/>
    <mergeCell ref="Q91:S91"/>
    <mergeCell ref="V91:AA91"/>
    <mergeCell ref="C92:E92"/>
    <mergeCell ref="F92:J92"/>
    <mergeCell ref="K92:O92"/>
    <mergeCell ref="Q92:S92"/>
    <mergeCell ref="V92:AA92"/>
    <mergeCell ref="C93:E93"/>
    <mergeCell ref="F93:J93"/>
    <mergeCell ref="K93:O93"/>
    <mergeCell ref="Q93:S93"/>
    <mergeCell ref="V93:AA93"/>
    <mergeCell ref="C96:E96"/>
    <mergeCell ref="F96:J96"/>
    <mergeCell ref="K96:O96"/>
    <mergeCell ref="Q96:S96"/>
    <mergeCell ref="V96:AA96"/>
    <mergeCell ref="C94:E94"/>
    <mergeCell ref="F94:J94"/>
    <mergeCell ref="K94:O94"/>
    <mergeCell ref="Q94:S94"/>
    <mergeCell ref="V94:AA94"/>
    <mergeCell ref="C95:E95"/>
    <mergeCell ref="F95:J95"/>
    <mergeCell ref="K95:O95"/>
    <mergeCell ref="Q95:S95"/>
    <mergeCell ref="V95:AA95"/>
  </mergeCells>
  <phoneticPr fontId="1"/>
  <dataValidations count="1">
    <dataValidation type="list" allowBlank="1" showInputMessage="1" showErrorMessage="1" sqref="P17:P96" xr:uid="{00000000-0002-0000-0400-000000000000}">
      <formula1>"男,女,無回答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55" fitToHeight="0" orientation="landscape" horizontalDpi="360" verticalDpi="360" r:id="rId1"/>
  <rowBreaks count="2" manualBreakCount="2">
    <brk id="35" max="27" man="1"/>
    <brk id="101" max="27" man="1"/>
  </row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B1:R19"/>
  <sheetViews>
    <sheetView tabSelected="1" view="pageBreakPreview" zoomScale="85" zoomScaleNormal="60" zoomScaleSheetLayoutView="85" workbookViewId="0">
      <selection activeCell="B4" sqref="B4"/>
    </sheetView>
  </sheetViews>
  <sheetFormatPr defaultColWidth="8.625" defaultRowHeight="15"/>
  <cols>
    <col min="1" max="1" width="2.625" style="20" customWidth="1"/>
    <col min="2" max="2" width="8.625" style="20"/>
    <col min="3" max="14" width="10.625" style="20" customWidth="1"/>
    <col min="15" max="15" width="1.625" style="20" customWidth="1"/>
    <col min="16" max="16384" width="8.625" style="20"/>
  </cols>
  <sheetData>
    <row r="1" spans="2:18" s="19" customFormat="1" ht="26.25">
      <c r="B1" s="50" t="s">
        <v>44</v>
      </c>
      <c r="C1" s="50"/>
      <c r="D1" s="50"/>
      <c r="E1" s="50"/>
      <c r="F1" s="50"/>
      <c r="G1" s="50"/>
      <c r="H1" s="50"/>
      <c r="I1" s="50"/>
      <c r="J1" s="50"/>
      <c r="K1" s="50"/>
      <c r="L1" s="50"/>
      <c r="M1" s="50"/>
      <c r="N1" s="50"/>
      <c r="O1" s="50"/>
      <c r="P1" s="50"/>
      <c r="Q1" s="50"/>
      <c r="R1" s="50"/>
    </row>
    <row r="2" spans="2:18" s="19" customFormat="1" ht="26.25">
      <c r="B2" s="50" t="s">
        <v>13</v>
      </c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</row>
    <row r="3" spans="2:18" s="19" customFormat="1" ht="26.25">
      <c r="B3" s="50" t="s">
        <v>70</v>
      </c>
      <c r="C3" s="50"/>
      <c r="D3" s="50"/>
      <c r="E3" s="50"/>
      <c r="F3" s="50"/>
      <c r="G3" s="50"/>
      <c r="H3" s="50"/>
      <c r="I3" s="50"/>
      <c r="J3" s="50"/>
      <c r="K3" s="50"/>
      <c r="L3" s="50"/>
      <c r="M3" s="50"/>
      <c r="N3" s="50"/>
      <c r="O3" s="50"/>
      <c r="P3" s="50"/>
      <c r="Q3" s="50"/>
      <c r="R3" s="50"/>
    </row>
    <row r="5" spans="2:18" s="16" customFormat="1" ht="29.45" customHeight="1">
      <c r="B5" s="47" t="s">
        <v>14</v>
      </c>
      <c r="C5" s="48"/>
      <c r="D5" s="48"/>
      <c r="E5" s="49"/>
      <c r="F5" s="51" t="s">
        <v>53</v>
      </c>
      <c r="G5" s="51"/>
      <c r="H5" s="51"/>
      <c r="I5" s="51"/>
      <c r="J5" s="51"/>
      <c r="K5" s="51"/>
      <c r="L5" s="51"/>
      <c r="M5" s="51"/>
      <c r="N5" s="51"/>
    </row>
    <row r="6" spans="2:18" s="16" customFormat="1" ht="14.25" customHeight="1">
      <c r="B6" s="52"/>
      <c r="C6" s="53"/>
      <c r="D6" s="53"/>
      <c r="E6" s="54"/>
      <c r="F6" s="58"/>
      <c r="G6" s="58"/>
      <c r="H6" s="58"/>
      <c r="I6" s="58"/>
      <c r="J6" s="58"/>
      <c r="K6" s="58"/>
      <c r="L6" s="58"/>
      <c r="M6" s="58"/>
      <c r="N6" s="58"/>
    </row>
    <row r="7" spans="2:18" s="16" customFormat="1" ht="17.100000000000001" customHeight="1">
      <c r="B7" s="52"/>
      <c r="C7" s="53"/>
      <c r="D7" s="53"/>
      <c r="E7" s="54"/>
      <c r="F7" s="58"/>
      <c r="G7" s="58"/>
      <c r="H7" s="58"/>
      <c r="I7" s="58"/>
      <c r="J7" s="58"/>
      <c r="K7" s="58"/>
      <c r="L7" s="58"/>
      <c r="M7" s="58"/>
      <c r="N7" s="58"/>
    </row>
    <row r="8" spans="2:18" ht="15.95" customHeight="1"/>
    <row r="9" spans="2:18" ht="27.6" customHeight="1">
      <c r="B9" s="21"/>
      <c r="C9" s="57" t="s">
        <v>0</v>
      </c>
      <c r="D9" s="57"/>
      <c r="E9" s="57"/>
      <c r="F9" s="57" t="s">
        <v>1</v>
      </c>
      <c r="G9" s="57"/>
      <c r="H9" s="57"/>
      <c r="I9" s="57" t="s">
        <v>2</v>
      </c>
      <c r="J9" s="57"/>
      <c r="K9" s="57"/>
      <c r="L9" s="57" t="s">
        <v>3</v>
      </c>
      <c r="M9" s="57"/>
      <c r="N9" s="57"/>
    </row>
    <row r="10" spans="2:18" ht="23.45" customHeight="1">
      <c r="B10" s="21"/>
      <c r="C10" s="15" t="s">
        <v>50</v>
      </c>
      <c r="D10" s="15" t="s">
        <v>51</v>
      </c>
      <c r="E10" s="15" t="s">
        <v>52</v>
      </c>
      <c r="F10" s="15" t="s">
        <v>50</v>
      </c>
      <c r="G10" s="15" t="s">
        <v>51</v>
      </c>
      <c r="H10" s="15" t="s">
        <v>52</v>
      </c>
      <c r="I10" s="15" t="s">
        <v>50</v>
      </c>
      <c r="J10" s="15" t="s">
        <v>51</v>
      </c>
      <c r="K10" s="15" t="s">
        <v>52</v>
      </c>
      <c r="L10" s="15" t="s">
        <v>50</v>
      </c>
      <c r="M10" s="15" t="s">
        <v>51</v>
      </c>
      <c r="N10" s="15" t="s">
        <v>52</v>
      </c>
    </row>
    <row r="11" spans="2:18" ht="39.950000000000003" customHeight="1">
      <c r="B11" s="15" t="s">
        <v>45</v>
      </c>
      <c r="C11" s="21"/>
      <c r="D11" s="21"/>
      <c r="E11" s="21"/>
      <c r="F11" s="21"/>
      <c r="G11" s="21"/>
      <c r="H11" s="21"/>
      <c r="I11" s="21"/>
      <c r="J11" s="21"/>
      <c r="K11" s="21"/>
      <c r="L11" s="21"/>
      <c r="M11" s="21"/>
      <c r="N11" s="21"/>
    </row>
    <row r="12" spans="2:18" ht="39.950000000000003" customHeight="1">
      <c r="B12" s="15" t="s">
        <v>46</v>
      </c>
      <c r="C12" s="21"/>
      <c r="D12" s="21"/>
      <c r="E12" s="21"/>
      <c r="F12" s="21"/>
      <c r="G12" s="21"/>
      <c r="H12" s="21"/>
      <c r="I12" s="21"/>
      <c r="J12" s="21"/>
      <c r="K12" s="21"/>
      <c r="L12" s="21"/>
      <c r="M12" s="21"/>
      <c r="N12" s="21"/>
    </row>
    <row r="13" spans="2:18" ht="39.950000000000003" customHeight="1">
      <c r="B13" s="15" t="s">
        <v>47</v>
      </c>
      <c r="C13" s="21"/>
      <c r="D13" s="21"/>
      <c r="E13" s="21"/>
      <c r="F13" s="21"/>
      <c r="G13" s="21"/>
      <c r="H13" s="21"/>
      <c r="I13" s="21"/>
      <c r="J13" s="21"/>
      <c r="K13" s="21"/>
      <c r="L13" s="21"/>
      <c r="M13" s="21"/>
      <c r="N13" s="21"/>
    </row>
    <row r="14" spans="2:18" ht="39.950000000000003" customHeight="1">
      <c r="B14" s="15" t="s">
        <v>48</v>
      </c>
      <c r="C14" s="21"/>
      <c r="D14" s="21"/>
      <c r="E14" s="21"/>
      <c r="F14" s="21"/>
      <c r="G14" s="21"/>
      <c r="H14" s="21"/>
      <c r="I14" s="21"/>
      <c r="J14" s="21"/>
      <c r="K14" s="21"/>
      <c r="L14" s="21"/>
      <c r="M14" s="21"/>
      <c r="N14" s="21"/>
    </row>
    <row r="15" spans="2:18" ht="39.950000000000003" customHeight="1">
      <c r="B15" s="15" t="s">
        <v>49</v>
      </c>
      <c r="C15" s="22">
        <f>SUM(C11:C14)</f>
        <v>0</v>
      </c>
      <c r="D15" s="22">
        <f>SUM(D11:D14)</f>
        <v>0</v>
      </c>
      <c r="E15" s="22">
        <f>SUM(E11:E14)</f>
        <v>0</v>
      </c>
      <c r="F15" s="22">
        <f>SUM(F11:F14)</f>
        <v>0</v>
      </c>
      <c r="G15" s="22">
        <f t="shared" ref="G15:N15" si="0">SUM(G11:G14)</f>
        <v>0</v>
      </c>
      <c r="H15" s="22">
        <f t="shared" si="0"/>
        <v>0</v>
      </c>
      <c r="I15" s="22">
        <f t="shared" si="0"/>
        <v>0</v>
      </c>
      <c r="J15" s="22">
        <f t="shared" si="0"/>
        <v>0</v>
      </c>
      <c r="K15" s="22">
        <f t="shared" si="0"/>
        <v>0</v>
      </c>
      <c r="L15" s="22">
        <f t="shared" si="0"/>
        <v>0</v>
      </c>
      <c r="M15" s="22">
        <f t="shared" si="0"/>
        <v>0</v>
      </c>
      <c r="N15" s="22">
        <f t="shared" si="0"/>
        <v>0</v>
      </c>
    </row>
    <row r="16" spans="2:18" ht="15.75" thickBot="1"/>
    <row r="17" spans="2:14" ht="38.450000000000003" customHeight="1">
      <c r="B17" s="59" t="s">
        <v>55</v>
      </c>
      <c r="C17" s="61" t="s">
        <v>56</v>
      </c>
      <c r="D17" s="61"/>
      <c r="E17" s="61"/>
      <c r="F17" s="61" t="s">
        <v>57</v>
      </c>
      <c r="G17" s="61"/>
      <c r="H17" s="61"/>
      <c r="I17" s="61" t="s">
        <v>58</v>
      </c>
      <c r="J17" s="61"/>
      <c r="K17" s="61"/>
      <c r="L17" s="61" t="s">
        <v>59</v>
      </c>
      <c r="M17" s="61"/>
      <c r="N17" s="62"/>
    </row>
    <row r="18" spans="2:14" ht="69" customHeight="1" thickBot="1">
      <c r="B18" s="60"/>
      <c r="C18" s="63"/>
      <c r="D18" s="64"/>
      <c r="E18" s="65"/>
      <c r="F18" s="63"/>
      <c r="G18" s="64"/>
      <c r="H18" s="65"/>
      <c r="I18" s="63"/>
      <c r="J18" s="64"/>
      <c r="K18" s="65"/>
      <c r="L18" s="63"/>
      <c r="M18" s="64"/>
      <c r="N18" s="66"/>
    </row>
    <row r="19" spans="2:14">
      <c r="I19" s="20" t="s">
        <v>60</v>
      </c>
    </row>
  </sheetData>
  <mergeCells count="20">
    <mergeCell ref="B17:B18"/>
    <mergeCell ref="C17:E17"/>
    <mergeCell ref="F17:H17"/>
    <mergeCell ref="I17:K17"/>
    <mergeCell ref="L17:N17"/>
    <mergeCell ref="C18:E18"/>
    <mergeCell ref="F18:H18"/>
    <mergeCell ref="I18:K18"/>
    <mergeCell ref="L18:N18"/>
    <mergeCell ref="B6:E7"/>
    <mergeCell ref="C9:E9"/>
    <mergeCell ref="F9:H9"/>
    <mergeCell ref="I9:K9"/>
    <mergeCell ref="L9:N9"/>
    <mergeCell ref="F6:N7"/>
    <mergeCell ref="B1:R1"/>
    <mergeCell ref="B2:R2"/>
    <mergeCell ref="B3:R3"/>
    <mergeCell ref="B5:E5"/>
    <mergeCell ref="F5:N5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85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10</vt:i4>
      </vt:variant>
    </vt:vector>
  </HeadingPairs>
  <TitlesOfParts>
    <vt:vector size="16" baseType="lpstr">
      <vt:lpstr>申込票・領収書</vt:lpstr>
      <vt:lpstr>４級受験者・合格者名簿</vt:lpstr>
      <vt:lpstr>３級受験者・合格者名簿</vt:lpstr>
      <vt:lpstr>２級受験者・合格者名簿</vt:lpstr>
      <vt:lpstr>１級受験者・合格名簿</vt:lpstr>
      <vt:lpstr>合格者数</vt:lpstr>
      <vt:lpstr>'１級受験者・合格名簿'!Print_Area</vt:lpstr>
      <vt:lpstr>'２級受験者・合格者名簿'!Print_Area</vt:lpstr>
      <vt:lpstr>'３級受験者・合格者名簿'!Print_Area</vt:lpstr>
      <vt:lpstr>'４級受験者・合格者名簿'!Print_Area</vt:lpstr>
      <vt:lpstr>合格者数!Print_Area</vt:lpstr>
      <vt:lpstr>申込票・領収書!Print_Area</vt:lpstr>
      <vt:lpstr>'１級受験者・合格名簿'!Print_Titles</vt:lpstr>
      <vt:lpstr>'２級受験者・合格者名簿'!Print_Titles</vt:lpstr>
      <vt:lpstr>'３級受験者・合格者名簿'!Print_Titles</vt:lpstr>
      <vt:lpstr>'４級受験者・合格者名簿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埼玉県教育委員会</dc:creator>
  <cp:lastModifiedBy>髙　附　 永　吉</cp:lastModifiedBy>
  <cp:lastPrinted>2023-08-30T02:30:42Z</cp:lastPrinted>
  <dcterms:created xsi:type="dcterms:W3CDTF">2014-09-07T22:50:33Z</dcterms:created>
  <dcterms:modified xsi:type="dcterms:W3CDTF">2024-08-29T05:31:41Z</dcterms:modified>
</cp:coreProperties>
</file>